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24"/>
  </p:sldMasterIdLst>
  <p:notesMasterIdLst>
    <p:notesMasterId r:id="rId35"/>
  </p:notesMasterIdLst>
  <p:sldIdLst>
    <p:sldId id="263" r:id="rId25"/>
    <p:sldId id="257" r:id="rId26"/>
    <p:sldId id="260" r:id="rId27"/>
    <p:sldId id="261" r:id="rId28"/>
    <p:sldId id="259" r:id="rId29"/>
    <p:sldId id="262" r:id="rId30"/>
    <p:sldId id="264" r:id="rId31"/>
    <p:sldId id="265" r:id="rId32"/>
    <p:sldId id="266" r:id="rId33"/>
    <p:sldId id="267" r:id="rId3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3FB4"/>
    <a:srgbClr val="FF820A"/>
    <a:srgbClr val="FFB500"/>
    <a:srgbClr val="B378F4"/>
    <a:srgbClr val="2F8C16"/>
    <a:srgbClr val="80C4FF"/>
    <a:srgbClr val="3F3B3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6C766A2-C018-4EC3-9929-F5A0A669F9D9}" v="249" dt="2026-04-07T18:28:18.411"/>
  </p1510:revLst>
</p1510:revInfo>
</file>

<file path=ppt/tableStyles.xml><?xml version="1.0" encoding="utf-8"?>
<a:tblStyleLst xmlns:a="http://schemas.openxmlformats.org/drawingml/2006/main" def="{5C22544A-7EE6-4342-B048-85BDC9FD1C3A}">
  <a:tblStyle styleId="{0817EA92-75D0-4044-A80A-286907CE0DDB}" styleName="Custom Table Style">
    <a:wholeTbl>
      <a:tcTxStyle>
        <a:fontRef idx="minor">
          <a:prstClr val="black"/>
        </a:fontRef>
        <a:schemeClr val="dk1"/>
      </a:tcTxStyle>
      <a:tcStyle>
        <a:tcBdr>
          <a:left>
            <a:ln w="0" cmpd="sng">
              <a:solidFill>
                <a:schemeClr val="bg1"/>
              </a:solidFill>
            </a:ln>
          </a:left>
          <a:right>
            <a:ln w="0" cmpd="sng">
              <a:solidFill>
                <a:schemeClr val="bg1"/>
              </a:solidFill>
            </a:ln>
          </a:right>
          <a:top>
            <a:ln w="28575" cmpd="sng">
              <a:solidFill>
                <a:schemeClr val="dk1"/>
              </a:solidFill>
            </a:ln>
          </a:top>
          <a:bottom>
            <a:ln w="0" cmpd="sng">
              <a:solidFill>
                <a:schemeClr val="bg1"/>
              </a:solidFill>
            </a:ln>
          </a:bottom>
          <a:insideH>
            <a:ln w="0" cmpd="sng">
              <a:solidFill>
                <a:schemeClr val="bg1"/>
              </a:solidFill>
            </a:ln>
          </a:insideH>
          <a:insideV>
            <a:ln w="0" cmpd="sng">
              <a:solidFill>
                <a:schemeClr val="bg1"/>
              </a:solidFill>
            </a:ln>
          </a:insideV>
        </a:tcBdr>
        <a:fill>
          <a:solidFill>
            <a:srgbClr val="FFFFFF"/>
          </a:solidFill>
        </a:fill>
      </a:tcStyle>
    </a:wholeTbl>
    <a:band1H>
      <a:tcStyle>
        <a:tcBdr/>
        <a:fill>
          <a:solidFill>
            <a:schemeClr val="accent6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FFFFFF"/>
          </a:solidFill>
        </a:fill>
      </a:tcStyle>
    </a:band1V>
    <a:band2V>
      <a:tcStyle>
        <a:tcBdr/>
      </a:tcStyle>
    </a:band2V>
    <a:la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lastCol>
    <a:fir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firstCol>
    <a:lastRow>
      <a:tcTxStyle>
        <a:fontRef idx="minor">
          <a:prstClr val="black"/>
        </a:fontRef>
        <a:schemeClr val="dk1"/>
      </a:tcTxStyle>
      <a:tcStyle>
        <a:tcBdr>
          <a:top>
            <a:ln w="0" cmpd="sng">
              <a:solidFill>
                <a:schemeClr val="lt1"/>
              </a:solidFill>
            </a:ln>
          </a:top>
        </a:tcBdr>
        <a:fill>
          <a:solidFill>
            <a:srgbClr val="FFFFFF"/>
          </a:solidFill>
        </a:fill>
      </a:tcStyle>
    </a:lastRow>
    <a:firstRow>
      <a:tcTxStyle>
        <a:fontRef idx="minor">
          <a:prstClr val="black"/>
        </a:fontRef>
        <a:schemeClr val="dk1"/>
      </a:tcTxStyle>
      <a:tcStyle>
        <a:tcBdr>
          <a:bottom>
            <a:ln w="0" cmpd="sng">
              <a:solidFill>
                <a:schemeClr val="lt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3792" autoAdjust="0"/>
  </p:normalViewPr>
  <p:slideViewPr>
    <p:cSldViewPr snapToGrid="0" showGuides="1">
      <p:cViewPr varScale="1">
        <p:scale>
          <a:sx n="102" d="100"/>
          <a:sy n="102" d="100"/>
        </p:scale>
        <p:origin x="750" y="31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39" Type="http://schemas.openxmlformats.org/officeDocument/2006/relationships/tableStyles" Target="tableStyles.xml"/><Relationship Id="rId21" Type="http://schemas.openxmlformats.org/officeDocument/2006/relationships/customXml" Target="../customXml/item21.xml"/><Relationship Id="rId34" Type="http://schemas.openxmlformats.org/officeDocument/2006/relationships/slide" Target="slides/slide10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5.xml"/><Relationship Id="rId41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slide" Target="slides/slide8.xml"/><Relationship Id="rId37" Type="http://schemas.openxmlformats.org/officeDocument/2006/relationships/viewProps" Target="viewProps.xml"/><Relationship Id="rId40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4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notesMaster" Target="notesMasters/notesMaster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slide" Target="slides/slide9.xml"/><Relationship Id="rId38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Fredrik Nordin" userId="6103a4de-143e-4d50-a7c4-30f9761213b4" providerId="ADAL" clId="{672CED95-AAF7-4381-A5B3-1AEA89B4F267}"/>
    <pc:docChg chg="undo custSel addSld delSld modSld sldOrd">
      <pc:chgData name="Fredrik Nordin" userId="6103a4de-143e-4d50-a7c4-30f9761213b4" providerId="ADAL" clId="{672CED95-AAF7-4381-A5B3-1AEA89B4F267}" dt="2026-04-07T18:29:58.658" v="2049" actId="207"/>
      <pc:docMkLst>
        <pc:docMk/>
      </pc:docMkLst>
      <pc:sldChg chg="addSp delSp modSp add mod modClrScheme chgLayout">
        <pc:chgData name="Fredrik Nordin" userId="6103a4de-143e-4d50-a7c4-30f9761213b4" providerId="ADAL" clId="{672CED95-AAF7-4381-A5B3-1AEA89B4F267}" dt="2026-04-02T17:36:39.210" v="1266" actId="14100"/>
        <pc:sldMkLst>
          <pc:docMk/>
          <pc:sldMk cId="3236863660" sldId="257"/>
        </pc:sldMkLst>
        <pc:spChg chg="add mod">
          <ac:chgData name="Fredrik Nordin" userId="6103a4de-143e-4d50-a7c4-30f9761213b4" providerId="ADAL" clId="{672CED95-AAF7-4381-A5B3-1AEA89B4F267}" dt="2026-04-01T18:21:06.054" v="561" actId="1035"/>
          <ac:spMkLst>
            <pc:docMk/>
            <pc:sldMk cId="3236863660" sldId="257"/>
            <ac:spMk id="4" creationId="{025882F8-3063-F1FD-55B2-0E761EBA9FD3}"/>
          </ac:spMkLst>
        </pc:spChg>
        <pc:spChg chg="add mod">
          <ac:chgData name="Fredrik Nordin" userId="6103a4de-143e-4d50-a7c4-30f9761213b4" providerId="ADAL" clId="{672CED95-AAF7-4381-A5B3-1AEA89B4F267}" dt="2026-04-02T17:36:39.210" v="1266" actId="14100"/>
          <ac:spMkLst>
            <pc:docMk/>
            <pc:sldMk cId="3236863660" sldId="257"/>
            <ac:spMk id="5" creationId="{24238E36-2547-EABF-BF56-894E770D55B1}"/>
          </ac:spMkLst>
        </pc:spChg>
        <pc:spChg chg="add mod">
          <ac:chgData name="Fredrik Nordin" userId="6103a4de-143e-4d50-a7c4-30f9761213b4" providerId="ADAL" clId="{672CED95-AAF7-4381-A5B3-1AEA89B4F267}" dt="2026-04-01T18:21:23.636" v="573" actId="20577"/>
          <ac:spMkLst>
            <pc:docMk/>
            <pc:sldMk cId="3236863660" sldId="257"/>
            <ac:spMk id="9" creationId="{91A222EA-5370-004A-DB91-0CDCC09C709C}"/>
          </ac:spMkLst>
        </pc:spChg>
        <pc:spChg chg="add mod">
          <ac:chgData name="Fredrik Nordin" userId="6103a4de-143e-4d50-a7c4-30f9761213b4" providerId="ADAL" clId="{672CED95-AAF7-4381-A5B3-1AEA89B4F267}" dt="2026-04-01T18:21:06.054" v="561" actId="1035"/>
          <ac:spMkLst>
            <pc:docMk/>
            <pc:sldMk cId="3236863660" sldId="257"/>
            <ac:spMk id="10" creationId="{A7FE3AAD-D943-FD9E-098E-A4FF98E4205D}"/>
          </ac:spMkLst>
        </pc:spChg>
        <pc:spChg chg="add mod">
          <ac:chgData name="Fredrik Nordin" userId="6103a4de-143e-4d50-a7c4-30f9761213b4" providerId="ADAL" clId="{672CED95-AAF7-4381-A5B3-1AEA89B4F267}" dt="2026-04-01T18:21:06.054" v="561" actId="1035"/>
          <ac:spMkLst>
            <pc:docMk/>
            <pc:sldMk cId="3236863660" sldId="257"/>
            <ac:spMk id="11" creationId="{9138DFFC-ACCC-86DA-6A9E-438716790FF9}"/>
          </ac:spMkLst>
        </pc:spChg>
        <pc:picChg chg="add mod">
          <ac:chgData name="Fredrik Nordin" userId="6103a4de-143e-4d50-a7c4-30f9761213b4" providerId="ADAL" clId="{672CED95-AAF7-4381-A5B3-1AEA89B4F267}" dt="2026-04-01T18:21:06.054" v="561" actId="1035"/>
          <ac:picMkLst>
            <pc:docMk/>
            <pc:sldMk cId="3236863660" sldId="257"/>
            <ac:picMk id="2" creationId="{3FF49077-3C0A-D4C9-4FAC-B9ECFED5DFC9}"/>
          </ac:picMkLst>
        </pc:picChg>
        <pc:picChg chg="add mod">
          <ac:chgData name="Fredrik Nordin" userId="6103a4de-143e-4d50-a7c4-30f9761213b4" providerId="ADAL" clId="{672CED95-AAF7-4381-A5B3-1AEA89B4F267}" dt="2026-04-01T18:21:14.505" v="562" actId="1076"/>
          <ac:picMkLst>
            <pc:docMk/>
            <pc:sldMk cId="3236863660" sldId="257"/>
            <ac:picMk id="1026" creationId="{AB321C43-2560-9994-DDA0-E229FC0D86E0}"/>
          </ac:picMkLst>
        </pc:picChg>
        <pc:cxnChg chg="add mod">
          <ac:chgData name="Fredrik Nordin" userId="6103a4de-143e-4d50-a7c4-30f9761213b4" providerId="ADAL" clId="{672CED95-AAF7-4381-A5B3-1AEA89B4F267}" dt="2026-04-01T06:35:44.427" v="22" actId="1036"/>
          <ac:cxnSpMkLst>
            <pc:docMk/>
            <pc:sldMk cId="3236863660" sldId="257"/>
            <ac:cxnSpMk id="6" creationId="{829041B9-EE66-8CAD-9F20-B484A852D840}"/>
          </ac:cxnSpMkLst>
        </pc:cxnChg>
      </pc:sldChg>
      <pc:sldChg chg="addSp delSp modSp add mod">
        <pc:chgData name="Fredrik Nordin" userId="6103a4de-143e-4d50-a7c4-30f9761213b4" providerId="ADAL" clId="{672CED95-AAF7-4381-A5B3-1AEA89B4F267}" dt="2026-04-01T19:10:23.937" v="1214" actId="1076"/>
        <pc:sldMkLst>
          <pc:docMk/>
          <pc:sldMk cId="3044070949" sldId="259"/>
        </pc:sldMkLst>
        <pc:picChg chg="add mod">
          <ac:chgData name="Fredrik Nordin" userId="6103a4de-143e-4d50-a7c4-30f9761213b4" providerId="ADAL" clId="{672CED95-AAF7-4381-A5B3-1AEA89B4F267}" dt="2026-04-01T19:10:23.937" v="1214" actId="1076"/>
          <ac:picMkLst>
            <pc:docMk/>
            <pc:sldMk cId="3044070949" sldId="259"/>
            <ac:picMk id="5" creationId="{7BC85A46-09E6-03AC-16B7-C0F0F7B7EBCA}"/>
          </ac:picMkLst>
        </pc:picChg>
      </pc:sldChg>
      <pc:sldChg chg="addSp delSp modSp add mod">
        <pc:chgData name="Fredrik Nordin" userId="6103a4de-143e-4d50-a7c4-30f9761213b4" providerId="ADAL" clId="{672CED95-AAF7-4381-A5B3-1AEA89B4F267}" dt="2026-04-02T17:36:23.883" v="1260" actId="478"/>
        <pc:sldMkLst>
          <pc:docMk/>
          <pc:sldMk cId="1178025029" sldId="260"/>
        </pc:sldMkLst>
        <pc:spChg chg="add mod">
          <ac:chgData name="Fredrik Nordin" userId="6103a4de-143e-4d50-a7c4-30f9761213b4" providerId="ADAL" clId="{672CED95-AAF7-4381-A5B3-1AEA89B4F267}" dt="2026-04-01T18:30:40.753" v="778" actId="14100"/>
          <ac:spMkLst>
            <pc:docMk/>
            <pc:sldMk cId="1178025029" sldId="260"/>
            <ac:spMk id="3" creationId="{6FFFBDA3-4894-3A69-7FD4-368564178B7D}"/>
          </ac:spMkLst>
        </pc:spChg>
        <pc:spChg chg="mod">
          <ac:chgData name="Fredrik Nordin" userId="6103a4de-143e-4d50-a7c4-30f9761213b4" providerId="ADAL" clId="{672CED95-AAF7-4381-A5B3-1AEA89B4F267}" dt="2026-04-01T18:30:32.428" v="777" actId="1076"/>
          <ac:spMkLst>
            <pc:docMk/>
            <pc:sldMk cId="1178025029" sldId="260"/>
            <ac:spMk id="4" creationId="{D6CDBF45-9F40-EDF4-82F0-F41EDA7AF5B6}"/>
          </ac:spMkLst>
        </pc:spChg>
        <pc:spChg chg="add mod">
          <ac:chgData name="Fredrik Nordin" userId="6103a4de-143e-4d50-a7c4-30f9761213b4" providerId="ADAL" clId="{672CED95-AAF7-4381-A5B3-1AEA89B4F267}" dt="2026-04-01T18:38:12.171" v="852" actId="1076"/>
          <ac:spMkLst>
            <pc:docMk/>
            <pc:sldMk cId="1178025029" sldId="260"/>
            <ac:spMk id="7" creationId="{96871E88-3657-0C2E-B557-EFFB65818788}"/>
          </ac:spMkLst>
        </pc:spChg>
        <pc:spChg chg="mod">
          <ac:chgData name="Fredrik Nordin" userId="6103a4de-143e-4d50-a7c4-30f9761213b4" providerId="ADAL" clId="{672CED95-AAF7-4381-A5B3-1AEA89B4F267}" dt="2026-04-01T18:23:00.992" v="584" actId="20577"/>
          <ac:spMkLst>
            <pc:docMk/>
            <pc:sldMk cId="1178025029" sldId="260"/>
            <ac:spMk id="9" creationId="{EB151784-DE79-BF8E-E2F1-7E860E73E7D4}"/>
          </ac:spMkLst>
        </pc:spChg>
        <pc:picChg chg="add mod">
          <ac:chgData name="Fredrik Nordin" userId="6103a4de-143e-4d50-a7c4-30f9761213b4" providerId="ADAL" clId="{672CED95-AAF7-4381-A5B3-1AEA89B4F267}" dt="2026-04-01T18:33:30.139" v="791" actId="1038"/>
          <ac:picMkLst>
            <pc:docMk/>
            <pc:sldMk cId="1178025029" sldId="260"/>
            <ac:picMk id="2050" creationId="{E4B6A6D6-87D2-2264-B693-8B7AD09B170F}"/>
          </ac:picMkLst>
        </pc:picChg>
      </pc:sldChg>
      <pc:sldChg chg="addSp delSp modSp add mod ord">
        <pc:chgData name="Fredrik Nordin" userId="6103a4de-143e-4d50-a7c4-30f9761213b4" providerId="ADAL" clId="{672CED95-AAF7-4381-A5B3-1AEA89B4F267}" dt="2026-04-01T18:58:42.854" v="1071"/>
        <pc:sldMkLst>
          <pc:docMk/>
          <pc:sldMk cId="3577620880" sldId="261"/>
        </pc:sldMkLst>
        <pc:spChg chg="mod">
          <ac:chgData name="Fredrik Nordin" userId="6103a4de-143e-4d50-a7c4-30f9761213b4" providerId="ADAL" clId="{672CED95-AAF7-4381-A5B3-1AEA89B4F267}" dt="2026-04-01T18:41:58.061" v="901" actId="14100"/>
          <ac:spMkLst>
            <pc:docMk/>
            <pc:sldMk cId="3577620880" sldId="261"/>
            <ac:spMk id="9" creationId="{CFDFA4E0-F6F0-2110-9AFB-C7E46A5927BC}"/>
          </ac:spMkLst>
        </pc:spChg>
        <pc:spChg chg="add mod">
          <ac:chgData name="Fredrik Nordin" userId="6103a4de-143e-4d50-a7c4-30f9761213b4" providerId="ADAL" clId="{672CED95-AAF7-4381-A5B3-1AEA89B4F267}" dt="2026-04-01T18:43:24.296" v="993" actId="14100"/>
          <ac:spMkLst>
            <pc:docMk/>
            <pc:sldMk cId="3577620880" sldId="261"/>
            <ac:spMk id="11" creationId="{D1187B8D-4BA5-B622-B80F-E0BFD8F9607E}"/>
          </ac:spMkLst>
        </pc:spChg>
        <pc:spChg chg="add mod">
          <ac:chgData name="Fredrik Nordin" userId="6103a4de-143e-4d50-a7c4-30f9761213b4" providerId="ADAL" clId="{672CED95-AAF7-4381-A5B3-1AEA89B4F267}" dt="2026-04-01T18:48:10.370" v="1063" actId="1076"/>
          <ac:spMkLst>
            <pc:docMk/>
            <pc:sldMk cId="3577620880" sldId="261"/>
            <ac:spMk id="14" creationId="{918B2C8D-48E2-D759-311C-CBE30DBA421A}"/>
          </ac:spMkLst>
        </pc:spChg>
        <pc:picChg chg="add mod">
          <ac:chgData name="Fredrik Nordin" userId="6103a4de-143e-4d50-a7c4-30f9761213b4" providerId="ADAL" clId="{672CED95-AAF7-4381-A5B3-1AEA89B4F267}" dt="2026-04-01T18:40:30.478" v="867" actId="1076"/>
          <ac:picMkLst>
            <pc:docMk/>
            <pc:sldMk cId="3577620880" sldId="261"/>
            <ac:picMk id="5" creationId="{B1EA0170-7938-3B27-6F0E-AA53D07AF411}"/>
          </ac:picMkLst>
        </pc:picChg>
        <pc:picChg chg="add mod">
          <ac:chgData name="Fredrik Nordin" userId="6103a4de-143e-4d50-a7c4-30f9761213b4" providerId="ADAL" clId="{672CED95-AAF7-4381-A5B3-1AEA89B4F267}" dt="2026-04-01T18:41:41.721" v="873" actId="1076"/>
          <ac:picMkLst>
            <pc:docMk/>
            <pc:sldMk cId="3577620880" sldId="261"/>
            <ac:picMk id="10" creationId="{27B9B43A-3D3B-D0B1-5DEA-4AD5CEF11006}"/>
          </ac:picMkLst>
        </pc:picChg>
        <pc:picChg chg="add mod">
          <ac:chgData name="Fredrik Nordin" userId="6103a4de-143e-4d50-a7c4-30f9761213b4" providerId="ADAL" clId="{672CED95-AAF7-4381-A5B3-1AEA89B4F267}" dt="2026-04-01T18:48:21.297" v="1064" actId="1076"/>
          <ac:picMkLst>
            <pc:docMk/>
            <pc:sldMk cId="3577620880" sldId="261"/>
            <ac:picMk id="13" creationId="{1C29464B-A20F-9A56-4229-3C7DA392520F}"/>
          </ac:picMkLst>
        </pc:picChg>
      </pc:sldChg>
      <pc:sldChg chg="addSp delSp modSp add mod">
        <pc:chgData name="Fredrik Nordin" userId="6103a4de-143e-4d50-a7c4-30f9761213b4" providerId="ADAL" clId="{672CED95-AAF7-4381-A5B3-1AEA89B4F267}" dt="2026-04-02T17:58:41.791" v="1674" actId="1076"/>
        <pc:sldMkLst>
          <pc:docMk/>
          <pc:sldMk cId="1856592666" sldId="262"/>
        </pc:sldMkLst>
        <pc:spChg chg="add mod">
          <ac:chgData name="Fredrik Nordin" userId="6103a4de-143e-4d50-a7c4-30f9761213b4" providerId="ADAL" clId="{672CED95-AAF7-4381-A5B3-1AEA89B4F267}" dt="2026-04-02T17:58:41.791" v="1674" actId="1076"/>
          <ac:spMkLst>
            <pc:docMk/>
            <pc:sldMk cId="1856592666" sldId="262"/>
            <ac:spMk id="2" creationId="{1B744145-AEF7-42E4-A97C-483268DCDF2E}"/>
          </ac:spMkLst>
        </pc:spChg>
        <pc:spChg chg="add mod">
          <ac:chgData name="Fredrik Nordin" userId="6103a4de-143e-4d50-a7c4-30f9761213b4" providerId="ADAL" clId="{672CED95-AAF7-4381-A5B3-1AEA89B4F267}" dt="2026-04-02T17:38:05.252" v="1268" actId="12"/>
          <ac:spMkLst>
            <pc:docMk/>
            <pc:sldMk cId="1856592666" sldId="262"/>
            <ac:spMk id="5" creationId="{57C5FCCB-0979-9DBB-D6D5-FA3B1E909EBB}"/>
          </ac:spMkLst>
        </pc:spChg>
        <pc:spChg chg="mod">
          <ac:chgData name="Fredrik Nordin" userId="6103a4de-143e-4d50-a7c4-30f9761213b4" providerId="ADAL" clId="{672CED95-AAF7-4381-A5B3-1AEA89B4F267}" dt="2026-04-01T18:59:33.315" v="1099" actId="20577"/>
          <ac:spMkLst>
            <pc:docMk/>
            <pc:sldMk cId="1856592666" sldId="262"/>
            <ac:spMk id="9" creationId="{964B041A-BDC4-9089-060B-EA47F3D22BF8}"/>
          </ac:spMkLst>
        </pc:spChg>
        <pc:spChg chg="add mod">
          <ac:chgData name="Fredrik Nordin" userId="6103a4de-143e-4d50-a7c4-30f9761213b4" providerId="ADAL" clId="{672CED95-AAF7-4381-A5B3-1AEA89B4F267}" dt="2026-04-01T19:09:30.972" v="1205" actId="1076"/>
          <ac:spMkLst>
            <pc:docMk/>
            <pc:sldMk cId="1856592666" sldId="262"/>
            <ac:spMk id="10" creationId="{48476635-C727-5232-BC79-65655C57FF49}"/>
          </ac:spMkLst>
        </pc:spChg>
        <pc:spChg chg="add mod">
          <ac:chgData name="Fredrik Nordin" userId="6103a4de-143e-4d50-a7c4-30f9761213b4" providerId="ADAL" clId="{672CED95-AAF7-4381-A5B3-1AEA89B4F267}" dt="2026-04-01T19:09:30.972" v="1205" actId="1076"/>
          <ac:spMkLst>
            <pc:docMk/>
            <pc:sldMk cId="1856592666" sldId="262"/>
            <ac:spMk id="11" creationId="{2BE3842A-73D7-DD0C-307A-4C0C82205651}"/>
          </ac:spMkLst>
        </pc:spChg>
        <pc:picChg chg="add mod">
          <ac:chgData name="Fredrik Nordin" userId="6103a4de-143e-4d50-a7c4-30f9761213b4" providerId="ADAL" clId="{672CED95-AAF7-4381-A5B3-1AEA89B4F267}" dt="2026-04-01T18:59:50.430" v="1100" actId="692"/>
          <ac:picMkLst>
            <pc:docMk/>
            <pc:sldMk cId="1856592666" sldId="262"/>
            <ac:picMk id="4" creationId="{239B0B2F-AC85-CE7A-390A-AC6FE48188E7}"/>
          </ac:picMkLst>
        </pc:picChg>
        <pc:picChg chg="add mod">
          <ac:chgData name="Fredrik Nordin" userId="6103a4de-143e-4d50-a7c4-30f9761213b4" providerId="ADAL" clId="{672CED95-AAF7-4381-A5B3-1AEA89B4F267}" dt="2026-04-02T17:56:44.998" v="1579" actId="1076"/>
          <ac:picMkLst>
            <pc:docMk/>
            <pc:sldMk cId="1856592666" sldId="262"/>
            <ac:picMk id="12" creationId="{0F21D25F-CA86-40B8-ABA8-274E85D1FB33}"/>
          </ac:picMkLst>
        </pc:picChg>
      </pc:sldChg>
      <pc:sldChg chg="addSp delSp modSp add mod">
        <pc:chgData name="Fredrik Nordin" userId="6103a4de-143e-4d50-a7c4-30f9761213b4" providerId="ADAL" clId="{672CED95-AAF7-4381-A5B3-1AEA89B4F267}" dt="2026-04-02T17:36:14.859" v="1259" actId="1076"/>
        <pc:sldMkLst>
          <pc:docMk/>
          <pc:sldMk cId="3408695921" sldId="263"/>
        </pc:sldMkLst>
        <pc:spChg chg="add mod">
          <ac:chgData name="Fredrik Nordin" userId="6103a4de-143e-4d50-a7c4-30f9761213b4" providerId="ADAL" clId="{672CED95-AAF7-4381-A5B3-1AEA89B4F267}" dt="2026-04-02T17:36:12.225" v="1258" actId="1076"/>
          <ac:spMkLst>
            <pc:docMk/>
            <pc:sldMk cId="3408695921" sldId="263"/>
            <ac:spMk id="3" creationId="{AC9825EB-4A2D-59B9-63B6-74EBBA94BAEB}"/>
          </ac:spMkLst>
        </pc:spChg>
        <pc:picChg chg="add mod">
          <ac:chgData name="Fredrik Nordin" userId="6103a4de-143e-4d50-a7c4-30f9761213b4" providerId="ADAL" clId="{672CED95-AAF7-4381-A5B3-1AEA89B4F267}" dt="2026-04-02T17:36:14.859" v="1259" actId="1076"/>
          <ac:picMkLst>
            <pc:docMk/>
            <pc:sldMk cId="3408695921" sldId="263"/>
            <ac:picMk id="2" creationId="{8D6D73EF-0D9E-76C9-B691-9224F3A7F258}"/>
          </ac:picMkLst>
        </pc:picChg>
      </pc:sldChg>
      <pc:sldChg chg="addSp delSp modSp add mod">
        <pc:chgData name="Fredrik Nordin" userId="6103a4de-143e-4d50-a7c4-30f9761213b4" providerId="ADAL" clId="{672CED95-AAF7-4381-A5B3-1AEA89B4F267}" dt="2026-04-07T18:27:20.360" v="1974" actId="1035"/>
        <pc:sldMkLst>
          <pc:docMk/>
          <pc:sldMk cId="3270511280" sldId="264"/>
        </pc:sldMkLst>
        <pc:spChg chg="add mod">
          <ac:chgData name="Fredrik Nordin" userId="6103a4de-143e-4d50-a7c4-30f9761213b4" providerId="ADAL" clId="{672CED95-AAF7-4381-A5B3-1AEA89B4F267}" dt="2026-04-07T18:27:14.413" v="1941" actId="1076"/>
          <ac:spMkLst>
            <pc:docMk/>
            <pc:sldMk cId="3270511280" sldId="264"/>
            <ac:spMk id="2" creationId="{DCFB259F-AC9E-695B-572F-F79E8583ABE6}"/>
          </ac:spMkLst>
        </pc:spChg>
        <pc:spChg chg="add mod">
          <ac:chgData name="Fredrik Nordin" userId="6103a4de-143e-4d50-a7c4-30f9761213b4" providerId="ADAL" clId="{672CED95-AAF7-4381-A5B3-1AEA89B4F267}" dt="2026-04-02T17:40:14.499" v="1285" actId="1076"/>
          <ac:spMkLst>
            <pc:docMk/>
            <pc:sldMk cId="3270511280" sldId="264"/>
            <ac:spMk id="3" creationId="{4E64CFEB-1E7A-8262-5D3B-406D5B1608C7}"/>
          </ac:spMkLst>
        </pc:spChg>
        <pc:spChg chg="add del mod">
          <ac:chgData name="Fredrik Nordin" userId="6103a4de-143e-4d50-a7c4-30f9761213b4" providerId="ADAL" clId="{672CED95-AAF7-4381-A5B3-1AEA89B4F267}" dt="2026-04-07T18:26:58.090" v="1938" actId="478"/>
          <ac:spMkLst>
            <pc:docMk/>
            <pc:sldMk cId="3270511280" sldId="264"/>
            <ac:spMk id="7" creationId="{696FA720-818A-183B-BAE2-95A71CA64E05}"/>
          </ac:spMkLst>
        </pc:spChg>
        <pc:spChg chg="add mod">
          <ac:chgData name="Fredrik Nordin" userId="6103a4de-143e-4d50-a7c4-30f9761213b4" providerId="ADAL" clId="{672CED95-AAF7-4381-A5B3-1AEA89B4F267}" dt="2026-04-07T18:27:07.191" v="1940" actId="1076"/>
          <ac:spMkLst>
            <pc:docMk/>
            <pc:sldMk cId="3270511280" sldId="264"/>
            <ac:spMk id="8" creationId="{9D3C75CE-2B50-C3F1-7C1B-8DBD523F36BB}"/>
          </ac:spMkLst>
        </pc:spChg>
        <pc:spChg chg="mod">
          <ac:chgData name="Fredrik Nordin" userId="6103a4de-143e-4d50-a7c4-30f9761213b4" providerId="ADAL" clId="{672CED95-AAF7-4381-A5B3-1AEA89B4F267}" dt="2026-04-02T17:39:09.800" v="1276" actId="14100"/>
          <ac:spMkLst>
            <pc:docMk/>
            <pc:sldMk cId="3270511280" sldId="264"/>
            <ac:spMk id="9" creationId="{E05DDE02-562E-7B8D-BCAC-7741B127CF87}"/>
          </ac:spMkLst>
        </pc:spChg>
        <pc:picChg chg="mod">
          <ac:chgData name="Fredrik Nordin" userId="6103a4de-143e-4d50-a7c4-30f9761213b4" providerId="ADAL" clId="{672CED95-AAF7-4381-A5B3-1AEA89B4F267}" dt="2026-04-07T18:27:20.360" v="1974" actId="1035"/>
          <ac:picMkLst>
            <pc:docMk/>
            <pc:sldMk cId="3270511280" sldId="264"/>
            <ac:picMk id="12" creationId="{F74B6A4D-66A6-16F8-FC83-22434598D061}"/>
          </ac:picMkLst>
        </pc:picChg>
        <pc:picChg chg="add mod modCrop">
          <ac:chgData name="Fredrik Nordin" userId="6103a4de-143e-4d50-a7c4-30f9761213b4" providerId="ADAL" clId="{672CED95-AAF7-4381-A5B3-1AEA89B4F267}" dt="2026-04-07T18:27:20.360" v="1974" actId="1035"/>
          <ac:picMkLst>
            <pc:docMk/>
            <pc:sldMk cId="3270511280" sldId="264"/>
            <ac:picMk id="14" creationId="{BB376B6E-E5D1-DD30-C5B6-6F51A7007264}"/>
          </ac:picMkLst>
        </pc:picChg>
        <pc:picChg chg="add mod">
          <ac:chgData name="Fredrik Nordin" userId="6103a4de-143e-4d50-a7c4-30f9761213b4" providerId="ADAL" clId="{672CED95-AAF7-4381-A5B3-1AEA89B4F267}" dt="2026-04-07T18:27:20.360" v="1974" actId="1035"/>
          <ac:picMkLst>
            <pc:docMk/>
            <pc:sldMk cId="3270511280" sldId="264"/>
            <ac:picMk id="1028" creationId="{73883FAC-9EAC-41EA-A587-AF44F5957647}"/>
          </ac:picMkLst>
        </pc:picChg>
      </pc:sldChg>
      <pc:sldChg chg="addSp delSp modSp add mod">
        <pc:chgData name="Fredrik Nordin" userId="6103a4de-143e-4d50-a7c4-30f9761213b4" providerId="ADAL" clId="{672CED95-AAF7-4381-A5B3-1AEA89B4F267}" dt="2026-04-07T18:29:58.658" v="2049" actId="207"/>
        <pc:sldMkLst>
          <pc:docMk/>
          <pc:sldMk cId="4127229792" sldId="265"/>
        </pc:sldMkLst>
        <pc:spChg chg="add mod">
          <ac:chgData name="Fredrik Nordin" userId="6103a4de-143e-4d50-a7c4-30f9761213b4" providerId="ADAL" clId="{672CED95-AAF7-4381-A5B3-1AEA89B4F267}" dt="2026-04-07T18:29:58.658" v="2049" actId="207"/>
          <ac:spMkLst>
            <pc:docMk/>
            <pc:sldMk cId="4127229792" sldId="265"/>
            <ac:spMk id="2" creationId="{5C254D4F-8B62-5E0F-5921-FE3E1088C7EC}"/>
          </ac:spMkLst>
        </pc:spChg>
        <pc:spChg chg="mod">
          <ac:chgData name="Fredrik Nordin" userId="6103a4de-143e-4d50-a7c4-30f9761213b4" providerId="ADAL" clId="{672CED95-AAF7-4381-A5B3-1AEA89B4F267}" dt="2026-04-02T18:05:29.260" v="1687" actId="20577"/>
          <ac:spMkLst>
            <pc:docMk/>
            <pc:sldMk cId="4127229792" sldId="265"/>
            <ac:spMk id="9" creationId="{6EA01BB7-53CF-78D7-891B-117CEE806B9F}"/>
          </ac:spMkLst>
        </pc:spChg>
        <pc:spChg chg="add mod">
          <ac:chgData name="Fredrik Nordin" userId="6103a4de-143e-4d50-a7c4-30f9761213b4" providerId="ADAL" clId="{672CED95-AAF7-4381-A5B3-1AEA89B4F267}" dt="2026-04-02T18:10:35.431" v="1757" actId="1076"/>
          <ac:spMkLst>
            <pc:docMk/>
            <pc:sldMk cId="4127229792" sldId="265"/>
            <ac:spMk id="10" creationId="{2A157175-3836-B3FC-2668-6644E0ADE834}"/>
          </ac:spMkLst>
        </pc:spChg>
        <pc:spChg chg="add mod">
          <ac:chgData name="Fredrik Nordin" userId="6103a4de-143e-4d50-a7c4-30f9761213b4" providerId="ADAL" clId="{672CED95-AAF7-4381-A5B3-1AEA89B4F267}" dt="2026-04-02T18:10:35.431" v="1757" actId="1076"/>
          <ac:spMkLst>
            <pc:docMk/>
            <pc:sldMk cId="4127229792" sldId="265"/>
            <ac:spMk id="11" creationId="{1A9E19D0-60B5-5561-8BCA-C1713AFF39D4}"/>
          </ac:spMkLst>
        </pc:spChg>
        <pc:spChg chg="add mod">
          <ac:chgData name="Fredrik Nordin" userId="6103a4de-143e-4d50-a7c4-30f9761213b4" providerId="ADAL" clId="{672CED95-AAF7-4381-A5B3-1AEA89B4F267}" dt="2026-04-02T18:10:09.677" v="1750" actId="1076"/>
          <ac:spMkLst>
            <pc:docMk/>
            <pc:sldMk cId="4127229792" sldId="265"/>
            <ac:spMk id="18" creationId="{17973A40-CBC0-3650-C3FB-4D9BB0E503FA}"/>
          </ac:spMkLst>
        </pc:spChg>
        <pc:spChg chg="add mod">
          <ac:chgData name="Fredrik Nordin" userId="6103a4de-143e-4d50-a7c4-30f9761213b4" providerId="ADAL" clId="{672CED95-AAF7-4381-A5B3-1AEA89B4F267}" dt="2026-04-02T18:10:00.346" v="1743" actId="1076"/>
          <ac:spMkLst>
            <pc:docMk/>
            <pc:sldMk cId="4127229792" sldId="265"/>
            <ac:spMk id="19" creationId="{8AADB406-A28E-E436-7BAC-98D5B02059AB}"/>
          </ac:spMkLst>
        </pc:spChg>
        <pc:spChg chg="add mod">
          <ac:chgData name="Fredrik Nordin" userId="6103a4de-143e-4d50-a7c4-30f9761213b4" providerId="ADAL" clId="{672CED95-AAF7-4381-A5B3-1AEA89B4F267}" dt="2026-04-07T18:29:45.471" v="2047" actId="1076"/>
          <ac:spMkLst>
            <pc:docMk/>
            <pc:sldMk cId="4127229792" sldId="265"/>
            <ac:spMk id="20" creationId="{B3324867-A19E-E443-919B-D4E99CA67B21}"/>
          </ac:spMkLst>
        </pc:spChg>
        <pc:spChg chg="add mod">
          <ac:chgData name="Fredrik Nordin" userId="6103a4de-143e-4d50-a7c4-30f9761213b4" providerId="ADAL" clId="{672CED95-AAF7-4381-A5B3-1AEA89B4F267}" dt="2026-04-07T18:29:42.132" v="2046" actId="1076"/>
          <ac:spMkLst>
            <pc:docMk/>
            <pc:sldMk cId="4127229792" sldId="265"/>
            <ac:spMk id="21" creationId="{32521284-9E93-EB2B-5D30-01DB5C950F39}"/>
          </ac:spMkLst>
        </pc:spChg>
        <pc:spChg chg="add mod">
          <ac:chgData name="Fredrik Nordin" userId="6103a4de-143e-4d50-a7c4-30f9761213b4" providerId="ADAL" clId="{672CED95-AAF7-4381-A5B3-1AEA89B4F267}" dt="2026-04-02T18:15:24.346" v="1833" actId="1076"/>
          <ac:spMkLst>
            <pc:docMk/>
            <pc:sldMk cId="4127229792" sldId="265"/>
            <ac:spMk id="24" creationId="{CF7E02CE-340D-83A8-03FB-B11454F6374B}"/>
          </ac:spMkLst>
        </pc:spChg>
        <pc:picChg chg="add mod">
          <ac:chgData name="Fredrik Nordin" userId="6103a4de-143e-4d50-a7c4-30f9761213b4" providerId="ADAL" clId="{672CED95-AAF7-4381-A5B3-1AEA89B4F267}" dt="2026-04-02T18:05:23.456" v="1684" actId="1076"/>
          <ac:picMkLst>
            <pc:docMk/>
            <pc:sldMk cId="4127229792" sldId="265"/>
            <ac:picMk id="4" creationId="{B3CBF7F6-38F0-F4D7-AF3D-024A1D0B71CC}"/>
          </ac:picMkLst>
        </pc:picChg>
        <pc:picChg chg="add mod modCrop">
          <ac:chgData name="Fredrik Nordin" userId="6103a4de-143e-4d50-a7c4-30f9761213b4" providerId="ADAL" clId="{672CED95-AAF7-4381-A5B3-1AEA89B4F267}" dt="2026-04-02T18:10:21.284" v="1756" actId="1038"/>
          <ac:picMkLst>
            <pc:docMk/>
            <pc:sldMk cId="4127229792" sldId="265"/>
            <ac:picMk id="15" creationId="{D76E89D9-7665-60D4-01FD-DA257D1C0CD8}"/>
          </ac:picMkLst>
        </pc:picChg>
        <pc:picChg chg="add mod">
          <ac:chgData name="Fredrik Nordin" userId="6103a4de-143e-4d50-a7c4-30f9761213b4" providerId="ADAL" clId="{672CED95-AAF7-4381-A5B3-1AEA89B4F267}" dt="2026-04-02T18:10:14.644" v="1751" actId="1076"/>
          <ac:picMkLst>
            <pc:docMk/>
            <pc:sldMk cId="4127229792" sldId="265"/>
            <ac:picMk id="17" creationId="{07E6490B-4419-6C22-9352-C9336EA68A0E}"/>
          </ac:picMkLst>
        </pc:picChg>
        <pc:picChg chg="add mod">
          <ac:chgData name="Fredrik Nordin" userId="6103a4de-143e-4d50-a7c4-30f9761213b4" providerId="ADAL" clId="{672CED95-AAF7-4381-A5B3-1AEA89B4F267}" dt="2026-04-02T18:14:50.967" v="1805" actId="692"/>
          <ac:picMkLst>
            <pc:docMk/>
            <pc:sldMk cId="4127229792" sldId="265"/>
            <ac:picMk id="23" creationId="{28DAC56F-FAD5-B12B-F7BB-A23A7199C892}"/>
          </ac:picMkLst>
        </pc:picChg>
      </pc:sldChg>
      <pc:sldChg chg="addSp delSp modSp add del mod">
        <pc:chgData name="Fredrik Nordin" userId="6103a4de-143e-4d50-a7c4-30f9761213b4" providerId="ADAL" clId="{672CED95-AAF7-4381-A5B3-1AEA89B4F267}" dt="2026-04-02T18:21:04.192" v="1852" actId="2696"/>
        <pc:sldMkLst>
          <pc:docMk/>
          <pc:sldMk cId="3733794473" sldId="266"/>
        </pc:sldMkLst>
        <pc:spChg chg="mod">
          <ac:chgData name="Fredrik Nordin" userId="6103a4de-143e-4d50-a7c4-30f9761213b4" providerId="ADAL" clId="{672CED95-AAF7-4381-A5B3-1AEA89B4F267}" dt="2026-04-02T18:20:53.609" v="1850" actId="20577"/>
          <ac:spMkLst>
            <pc:docMk/>
            <pc:sldMk cId="3733794473" sldId="266"/>
            <ac:spMk id="9" creationId="{D88396FA-68AF-1CF0-E4F3-CCE8ED6CC77C}"/>
          </ac:spMkLst>
        </pc:spChg>
        <pc:picChg chg="add mod">
          <ac:chgData name="Fredrik Nordin" userId="6103a4de-143e-4d50-a7c4-30f9761213b4" providerId="ADAL" clId="{672CED95-AAF7-4381-A5B3-1AEA89B4F267}" dt="2026-04-02T18:20:43.109" v="1840" actId="14100"/>
          <ac:picMkLst>
            <pc:docMk/>
            <pc:sldMk cId="3733794473" sldId="266"/>
            <ac:picMk id="3" creationId="{267A5362-2D30-A9CD-4C97-D79567616F33}"/>
          </ac:picMkLst>
        </pc:picChg>
      </pc:sldChg>
      <pc:sldChg chg="addSp delSp modSp add mod">
        <pc:chgData name="Fredrik Nordin" userId="6103a4de-143e-4d50-a7c4-30f9761213b4" providerId="ADAL" clId="{672CED95-AAF7-4381-A5B3-1AEA89B4F267}" dt="2026-04-02T18:21:32.472" v="1864" actId="1076"/>
        <pc:sldMkLst>
          <pc:docMk/>
          <pc:sldMk cId="1279648949" sldId="267"/>
        </pc:sldMkLst>
        <pc:spChg chg="mod">
          <ac:chgData name="Fredrik Nordin" userId="6103a4de-143e-4d50-a7c4-30f9761213b4" providerId="ADAL" clId="{672CED95-AAF7-4381-A5B3-1AEA89B4F267}" dt="2026-04-02T18:21:15.478" v="1859" actId="20577"/>
          <ac:spMkLst>
            <pc:docMk/>
            <pc:sldMk cId="1279648949" sldId="267"/>
            <ac:spMk id="9" creationId="{82C049D0-898C-C005-5C62-0F5DAEF6D164}"/>
          </ac:spMkLst>
        </pc:spChg>
        <pc:picChg chg="add mod">
          <ac:chgData name="Fredrik Nordin" userId="6103a4de-143e-4d50-a7c4-30f9761213b4" providerId="ADAL" clId="{672CED95-AAF7-4381-A5B3-1AEA89B4F267}" dt="2026-04-02T18:21:32.472" v="1864" actId="1076"/>
          <ac:picMkLst>
            <pc:docMk/>
            <pc:sldMk cId="1279648949" sldId="267"/>
            <ac:picMk id="2" creationId="{96E3ABD3-66DA-157C-C130-B9A5E16ADC1F}"/>
          </ac:picMkLst>
        </pc:pic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8A3C172-8945-4189-AABF-306FFB3D052F}" type="datetimeFigureOut">
              <a:rPr lang="en-US" smtClean="0"/>
              <a:t>4/7/2026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BC6894C-2343-459D-88D7-5041FE4A84B3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976209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50395869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95889535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12944708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13575528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54898212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60086360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2275794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65892111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948817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4758394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0354484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Placeholder 1">
            <a:extLst>
              <a:ext uri="{FF2B5EF4-FFF2-40B4-BE49-F238E27FC236}">
                <a16:creationId xmlns:a16="http://schemas.microsoft.com/office/drawing/2014/main" id="{B9905801-388D-4253-87A4-6EB37F81BF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BBE98C94-2CFC-443B-A8C2-6EFED990E01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20" name="Date Placeholder 3">
            <a:extLst>
              <a:ext uri="{FF2B5EF4-FFF2-40B4-BE49-F238E27FC236}">
                <a16:creationId xmlns:a16="http://schemas.microsoft.com/office/drawing/2014/main" id="{C9B99DF4-0A27-4D37-B411-4D8EF767613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4/07/2026</a:t>
            </a:fld>
            <a:endParaRPr lang="en-NL"/>
          </a:p>
        </p:txBody>
      </p:sp>
      <p:sp>
        <p:nvSpPr>
          <p:cNvPr id="21" name="Footer Placeholder 4">
            <a:extLst>
              <a:ext uri="{FF2B5EF4-FFF2-40B4-BE49-F238E27FC236}">
                <a16:creationId xmlns:a16="http://schemas.microsoft.com/office/drawing/2014/main" id="{3B1DC021-EAB1-4F43-97DD-2B2B6852B9B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22" name="Slide Number Placeholder 5">
            <a:extLst>
              <a:ext uri="{FF2B5EF4-FFF2-40B4-BE49-F238E27FC236}">
                <a16:creationId xmlns:a16="http://schemas.microsoft.com/office/drawing/2014/main" id="{24D7D44E-BE5A-4F58-94A1-C1365101104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59385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dt="0"/>
  <p:txStyles>
    <p:titleStyle>
      <a:lvl1pPr algn="l" defTabSz="914400" rtl="0" eaLnBrk="1" latinLnBrk="0" hangingPunct="1">
        <a:lnSpc>
          <a:spcPct val="95000"/>
        </a:lnSpc>
        <a:spcBef>
          <a:spcPct val="0"/>
        </a:spcBef>
        <a:buNone/>
        <a:defRPr sz="2400" b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36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12000" algn="l" defTabSz="3175" rtl="0" eaLnBrk="1" latinLnBrk="0" hangingPunct="1">
        <a:defRPr sz="1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2pPr>
      <a:lvl3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4pPr>
      <a:lvl5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5pPr>
      <a:lvl6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66" userDrawn="1">
          <p15:clr>
            <a:srgbClr val="F26B43"/>
          </p15:clr>
        </p15:guide>
        <p15:guide id="2" pos="7514" userDrawn="1">
          <p15:clr>
            <a:srgbClr val="F26B43"/>
          </p15:clr>
        </p15:guide>
        <p15:guide id="3" orient="horz" pos="709" userDrawn="1">
          <p15:clr>
            <a:srgbClr val="F26B43"/>
          </p15:clr>
        </p15:guide>
        <p15:guide id="4" orient="horz" pos="3997" userDrawn="1">
          <p15:clr>
            <a:srgbClr val="F26B43"/>
          </p15:clr>
        </p15:guide>
        <p15:guide id="5" pos="3840" userDrawn="1">
          <p15:clr>
            <a:srgbClr val="F26B43"/>
          </p15:clr>
        </p15:guide>
        <p15:guide id="6" orient="horz" pos="2364" userDrawn="1">
          <p15:clr>
            <a:srgbClr val="F26B43"/>
          </p15:clr>
        </p15:guide>
        <p15:guide id="7" orient="horz" pos="1321" userDrawn="1">
          <p15:clr>
            <a:srgbClr val="A4A3A4"/>
          </p15:clr>
        </p15:guide>
        <p15:guide id="8" orient="horz" pos="86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.jpe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1.jpe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5" Type="http://schemas.openxmlformats.org/officeDocument/2006/relationships/image" Target="../media/image2.png"/><Relationship Id="rId4" Type="http://schemas.openxmlformats.org/officeDocument/2006/relationships/image" Target="../media/image1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image" Target="../media/image3.jpe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1.jpeg"/><Relationship Id="rId4" Type="http://schemas.openxmlformats.org/officeDocument/2006/relationships/image" Target="../media/image9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11.jpeg"/><Relationship Id="rId5" Type="http://schemas.openxmlformats.org/officeDocument/2006/relationships/image" Target="../media/image1.jpeg"/><Relationship Id="rId4" Type="http://schemas.openxmlformats.org/officeDocument/2006/relationships/image" Target="../media/image10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5.png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1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156C725-5B62-93F0-2FBE-9370C9086E7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2" descr="Svenska Fotbollsklubbar">
            <a:extLst>
              <a:ext uri="{FF2B5EF4-FFF2-40B4-BE49-F238E27FC236}">
                <a16:creationId xmlns:a16="http://schemas.microsoft.com/office/drawing/2014/main" id="{8D6D73EF-0D9E-76C9-B691-9224F3A7F25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94128" y="1855612"/>
            <a:ext cx="4003744" cy="40647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extruta 2">
            <a:extLst>
              <a:ext uri="{FF2B5EF4-FFF2-40B4-BE49-F238E27FC236}">
                <a16:creationId xmlns:a16="http://schemas.microsoft.com/office/drawing/2014/main" id="{AC9825EB-4A2D-59B9-63B6-74EBBA94BAEB}"/>
              </a:ext>
            </a:extLst>
          </p:cNvPr>
          <p:cNvSpPr txBox="1"/>
          <p:nvPr/>
        </p:nvSpPr>
        <p:spPr>
          <a:xfrm>
            <a:off x="847752" y="694827"/>
            <a:ext cx="10496496" cy="75362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6000" b="1" dirty="0">
                <a:solidFill>
                  <a:srgbClr val="093FB4"/>
                </a:solidFill>
              </a:rPr>
              <a:t>FOTBOLLSSÄSONGEN 2026</a:t>
            </a:r>
            <a:endParaRPr lang="sv-SE" sz="6000" dirty="0">
              <a:solidFill>
                <a:srgbClr val="093FB4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0869592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355F74B-D7B3-9C6C-D594-D87C4D6FC7B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" name="Rak koppling 5">
            <a:extLst>
              <a:ext uri="{FF2B5EF4-FFF2-40B4-BE49-F238E27FC236}">
                <a16:creationId xmlns:a16="http://schemas.microsoft.com/office/drawing/2014/main" id="{20BDCD60-43A9-206F-8536-33C456011EEC}"/>
              </a:ext>
            </a:extLst>
          </p:cNvPr>
          <p:cNvCxnSpPr/>
          <p:nvPr/>
        </p:nvCxnSpPr>
        <p:spPr>
          <a:xfrm>
            <a:off x="209550" y="571500"/>
            <a:ext cx="11785600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ruta 8">
            <a:extLst>
              <a:ext uri="{FF2B5EF4-FFF2-40B4-BE49-F238E27FC236}">
                <a16:creationId xmlns:a16="http://schemas.microsoft.com/office/drawing/2014/main" id="{82C049D0-898C-C005-5C62-0F5DAEF6D164}"/>
              </a:ext>
            </a:extLst>
          </p:cNvPr>
          <p:cNvSpPr txBox="1"/>
          <p:nvPr/>
        </p:nvSpPr>
        <p:spPr>
          <a:xfrm>
            <a:off x="349249" y="165104"/>
            <a:ext cx="4119055" cy="3301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400" b="1" dirty="0"/>
              <a:t>ÖVRIGT</a:t>
            </a:r>
          </a:p>
        </p:txBody>
      </p:sp>
      <p:pic>
        <p:nvPicPr>
          <p:cNvPr id="2" name="Picture 2" descr="Svenska Fotbollsklubbar">
            <a:extLst>
              <a:ext uri="{FF2B5EF4-FFF2-40B4-BE49-F238E27FC236}">
                <a16:creationId xmlns:a16="http://schemas.microsoft.com/office/drawing/2014/main" id="{96E3ABD3-66DA-157C-C130-B9A5E16ADC1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129312" y="1357306"/>
            <a:ext cx="4081237" cy="414338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7964894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85F035-7296-DB90-0D94-9453510A98E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" name="Rak koppling 5">
            <a:extLst>
              <a:ext uri="{FF2B5EF4-FFF2-40B4-BE49-F238E27FC236}">
                <a16:creationId xmlns:a16="http://schemas.microsoft.com/office/drawing/2014/main" id="{829041B9-EE66-8CAD-9F20-B484A852D840}"/>
              </a:ext>
            </a:extLst>
          </p:cNvPr>
          <p:cNvCxnSpPr/>
          <p:nvPr/>
        </p:nvCxnSpPr>
        <p:spPr>
          <a:xfrm>
            <a:off x="209550" y="571500"/>
            <a:ext cx="11785600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ruta 8">
            <a:extLst>
              <a:ext uri="{FF2B5EF4-FFF2-40B4-BE49-F238E27FC236}">
                <a16:creationId xmlns:a16="http://schemas.microsoft.com/office/drawing/2014/main" id="{91A222EA-5370-004A-DB91-0CDCC09C709C}"/>
              </a:ext>
            </a:extLst>
          </p:cNvPr>
          <p:cNvSpPr txBox="1"/>
          <p:nvPr/>
        </p:nvSpPr>
        <p:spPr>
          <a:xfrm>
            <a:off x="349250" y="165104"/>
            <a:ext cx="2679700" cy="3301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400" b="1" dirty="0"/>
              <a:t>LEDARE 2026</a:t>
            </a:r>
          </a:p>
        </p:txBody>
      </p:sp>
      <p:pic>
        <p:nvPicPr>
          <p:cNvPr id="1026" name="Picture 2" descr="Svenska Fotbollsklubbar">
            <a:extLst>
              <a:ext uri="{FF2B5EF4-FFF2-40B4-BE49-F238E27FC236}">
                <a16:creationId xmlns:a16="http://schemas.microsoft.com/office/drawing/2014/main" id="{AB321C43-2560-9994-DDA0-E229FC0D86E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938500" y="2695672"/>
            <a:ext cx="1876425" cy="1905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" name="Picture 2" descr="Free Soccer Vector, Download Free Soccer Vector png images, Free ...">
            <a:extLst>
              <a:ext uri="{FF2B5EF4-FFF2-40B4-BE49-F238E27FC236}">
                <a16:creationId xmlns:a16="http://schemas.microsoft.com/office/drawing/2014/main" id="{3FF49077-3C0A-D4C9-4FAC-B9ECFED5DFC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24897" y="1282045"/>
            <a:ext cx="5313195" cy="50292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extruta 3">
            <a:extLst>
              <a:ext uri="{FF2B5EF4-FFF2-40B4-BE49-F238E27FC236}">
                <a16:creationId xmlns:a16="http://schemas.microsoft.com/office/drawing/2014/main" id="{025882F8-3063-F1FD-55B2-0E761EBA9FD3}"/>
              </a:ext>
            </a:extLst>
          </p:cNvPr>
          <p:cNvSpPr txBox="1"/>
          <p:nvPr/>
        </p:nvSpPr>
        <p:spPr>
          <a:xfrm>
            <a:off x="6592229" y="2638326"/>
            <a:ext cx="3346271" cy="20196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3200" b="1" dirty="0"/>
              <a:t>Ledare 2026</a:t>
            </a:r>
          </a:p>
          <a:p>
            <a:pPr algn="l"/>
            <a:r>
              <a:rPr lang="sv-SE" sz="3200" dirty="0"/>
              <a:t>-Sara Lundkvist</a:t>
            </a:r>
          </a:p>
          <a:p>
            <a:pPr algn="l"/>
            <a:r>
              <a:rPr lang="sv-SE" sz="3200" dirty="0"/>
              <a:t>-Lovisa Edenstad</a:t>
            </a:r>
          </a:p>
          <a:p>
            <a:pPr algn="l"/>
            <a:r>
              <a:rPr lang="sv-SE" sz="3200" dirty="0"/>
              <a:t>-Fredrik Nordin</a:t>
            </a:r>
          </a:p>
        </p:txBody>
      </p:sp>
      <p:sp>
        <p:nvSpPr>
          <p:cNvPr id="5" name="textruta 4">
            <a:extLst>
              <a:ext uri="{FF2B5EF4-FFF2-40B4-BE49-F238E27FC236}">
                <a16:creationId xmlns:a16="http://schemas.microsoft.com/office/drawing/2014/main" id="{24238E36-2547-EABF-BF56-894E770D55B1}"/>
              </a:ext>
            </a:extLst>
          </p:cNvPr>
          <p:cNvSpPr txBox="1"/>
          <p:nvPr/>
        </p:nvSpPr>
        <p:spPr>
          <a:xfrm>
            <a:off x="5458120" y="1633712"/>
            <a:ext cx="6090785" cy="75362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4400" b="1" dirty="0">
                <a:solidFill>
                  <a:srgbClr val="093FB4"/>
                </a:solidFill>
              </a:rPr>
              <a:t>POJKAR Födda-16/17</a:t>
            </a:r>
            <a:endParaRPr lang="sv-SE" sz="4400" dirty="0">
              <a:solidFill>
                <a:srgbClr val="093FB4"/>
              </a:solidFill>
            </a:endParaRPr>
          </a:p>
        </p:txBody>
      </p:sp>
      <p:sp>
        <p:nvSpPr>
          <p:cNvPr id="10" name="textruta 9">
            <a:extLst>
              <a:ext uri="{FF2B5EF4-FFF2-40B4-BE49-F238E27FC236}">
                <a16:creationId xmlns:a16="http://schemas.microsoft.com/office/drawing/2014/main" id="{A7FE3AAD-D943-FD9E-098E-A4FF98E4205D}"/>
              </a:ext>
            </a:extLst>
          </p:cNvPr>
          <p:cNvSpPr txBox="1"/>
          <p:nvPr/>
        </p:nvSpPr>
        <p:spPr>
          <a:xfrm>
            <a:off x="6353910" y="4885440"/>
            <a:ext cx="4009292" cy="20196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800" b="1" dirty="0"/>
              <a:t>Vid intresse anmälan har 15st visat intresse.</a:t>
            </a:r>
            <a:endParaRPr lang="sv-SE" sz="2800" dirty="0"/>
          </a:p>
        </p:txBody>
      </p:sp>
      <p:sp>
        <p:nvSpPr>
          <p:cNvPr id="11" name="textruta 10">
            <a:extLst>
              <a:ext uri="{FF2B5EF4-FFF2-40B4-BE49-F238E27FC236}">
                <a16:creationId xmlns:a16="http://schemas.microsoft.com/office/drawing/2014/main" id="{9138DFFC-ACCC-86DA-6A9E-438716790FF9}"/>
              </a:ext>
            </a:extLst>
          </p:cNvPr>
          <p:cNvSpPr txBox="1"/>
          <p:nvPr/>
        </p:nvSpPr>
        <p:spPr>
          <a:xfrm>
            <a:off x="4981824" y="704253"/>
            <a:ext cx="5710813" cy="75362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5400" b="1" dirty="0">
                <a:solidFill>
                  <a:srgbClr val="093FB4"/>
                </a:solidFill>
              </a:rPr>
              <a:t>NYHAMMARS IF</a:t>
            </a:r>
            <a:endParaRPr lang="sv-SE" sz="5400" dirty="0">
              <a:solidFill>
                <a:srgbClr val="093FB4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3686366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59EC33A-D0A1-4019-AB44-8DE682161FB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50" name="Picture 2" descr="Male Soccer Player Dribbling Training Clipart 58296486 Vector Art at ...">
            <a:extLst>
              <a:ext uri="{FF2B5EF4-FFF2-40B4-BE49-F238E27FC236}">
                <a16:creationId xmlns:a16="http://schemas.microsoft.com/office/drawing/2014/main" id="{E4B6A6D6-87D2-2264-B693-8B7AD09B170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81228" y="786644"/>
            <a:ext cx="4619454" cy="47650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6" name="Rak koppling 5">
            <a:extLst>
              <a:ext uri="{FF2B5EF4-FFF2-40B4-BE49-F238E27FC236}">
                <a16:creationId xmlns:a16="http://schemas.microsoft.com/office/drawing/2014/main" id="{DCBEABF6-F011-3B8D-875B-C9196EECA3E1}"/>
              </a:ext>
            </a:extLst>
          </p:cNvPr>
          <p:cNvCxnSpPr/>
          <p:nvPr/>
        </p:nvCxnSpPr>
        <p:spPr>
          <a:xfrm>
            <a:off x="209550" y="571500"/>
            <a:ext cx="11785600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ruta 8">
            <a:extLst>
              <a:ext uri="{FF2B5EF4-FFF2-40B4-BE49-F238E27FC236}">
                <a16:creationId xmlns:a16="http://schemas.microsoft.com/office/drawing/2014/main" id="{EB151784-DE79-BF8E-E2F1-7E860E73E7D4}"/>
              </a:ext>
            </a:extLst>
          </p:cNvPr>
          <p:cNvSpPr txBox="1"/>
          <p:nvPr/>
        </p:nvSpPr>
        <p:spPr>
          <a:xfrm>
            <a:off x="349250" y="165104"/>
            <a:ext cx="2679700" cy="3301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400" b="1" dirty="0"/>
              <a:t>TRÄNINGAR</a:t>
            </a:r>
          </a:p>
        </p:txBody>
      </p:sp>
      <p:sp>
        <p:nvSpPr>
          <p:cNvPr id="4" name="textruta 3">
            <a:extLst>
              <a:ext uri="{FF2B5EF4-FFF2-40B4-BE49-F238E27FC236}">
                <a16:creationId xmlns:a16="http://schemas.microsoft.com/office/drawing/2014/main" id="{D6CDBF45-9F40-EDF4-82F0-F41EDA7AF5B6}"/>
              </a:ext>
            </a:extLst>
          </p:cNvPr>
          <p:cNvSpPr txBox="1"/>
          <p:nvPr/>
        </p:nvSpPr>
        <p:spPr>
          <a:xfrm>
            <a:off x="4115663" y="990598"/>
            <a:ext cx="7727087" cy="15840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sv-SE" sz="3200" b="1" dirty="0"/>
              <a:t>2st träningar i veckan</a:t>
            </a:r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sv-SE" sz="3200" b="1" dirty="0"/>
              <a:t>Tisdagar </a:t>
            </a:r>
            <a:r>
              <a:rPr lang="sv-SE" sz="3200" b="1" dirty="0" err="1"/>
              <a:t>kl</a:t>
            </a:r>
            <a:r>
              <a:rPr lang="sv-SE" sz="3200" b="1" dirty="0"/>
              <a:t> 17.30-18.45 </a:t>
            </a:r>
            <a:r>
              <a:rPr lang="sv-SE" sz="3200" b="1" u="sng" dirty="0"/>
              <a:t>Plantvallen</a:t>
            </a:r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sv-SE" sz="3200" b="1" dirty="0"/>
              <a:t>Onsdagar </a:t>
            </a:r>
            <a:r>
              <a:rPr lang="sv-SE" sz="3200" b="1" dirty="0" err="1"/>
              <a:t>kl</a:t>
            </a:r>
            <a:r>
              <a:rPr lang="sv-SE" sz="3200" b="1" dirty="0"/>
              <a:t> 17.30-18.45 </a:t>
            </a:r>
            <a:r>
              <a:rPr lang="sv-SE" sz="3200" b="1" u="sng" dirty="0"/>
              <a:t>Åvallen</a:t>
            </a:r>
            <a:endParaRPr lang="sv-SE" sz="3200" u="sng" dirty="0"/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6FFFBDA3-4894-3A69-7FD4-368564178B7D}"/>
              </a:ext>
            </a:extLst>
          </p:cNvPr>
          <p:cNvSpPr txBox="1"/>
          <p:nvPr/>
        </p:nvSpPr>
        <p:spPr>
          <a:xfrm>
            <a:off x="4115662" y="2849248"/>
            <a:ext cx="7879488" cy="66282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sv-SE" sz="2400" b="1" dirty="0"/>
              <a:t>Medtag benskydd, fotbollsskor samt vattenflaska.</a:t>
            </a:r>
            <a:endParaRPr lang="sv-SE" sz="2400" dirty="0"/>
          </a:p>
        </p:txBody>
      </p:sp>
      <p:sp>
        <p:nvSpPr>
          <p:cNvPr id="7" name="textruta 6">
            <a:extLst>
              <a:ext uri="{FF2B5EF4-FFF2-40B4-BE49-F238E27FC236}">
                <a16:creationId xmlns:a16="http://schemas.microsoft.com/office/drawing/2014/main" id="{96871E88-3657-0C2E-B557-EFFB65818788}"/>
              </a:ext>
            </a:extLst>
          </p:cNvPr>
          <p:cNvSpPr txBox="1"/>
          <p:nvPr/>
        </p:nvSpPr>
        <p:spPr>
          <a:xfrm>
            <a:off x="4570071" y="3377196"/>
            <a:ext cx="3051858" cy="40977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400" b="1" dirty="0"/>
              <a:t>(Träna = matcher)</a:t>
            </a:r>
            <a:endParaRPr lang="sv-SE" sz="24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7802502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01FDA4C-274F-2EE8-8B5C-CCA3D1559A1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" name="Rak koppling 5">
            <a:extLst>
              <a:ext uri="{FF2B5EF4-FFF2-40B4-BE49-F238E27FC236}">
                <a16:creationId xmlns:a16="http://schemas.microsoft.com/office/drawing/2014/main" id="{341015FF-AF4F-68E3-66B0-75CB8C9AE9D0}"/>
              </a:ext>
            </a:extLst>
          </p:cNvPr>
          <p:cNvCxnSpPr/>
          <p:nvPr/>
        </p:nvCxnSpPr>
        <p:spPr>
          <a:xfrm>
            <a:off x="209550" y="571500"/>
            <a:ext cx="11785600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ruta 8">
            <a:extLst>
              <a:ext uri="{FF2B5EF4-FFF2-40B4-BE49-F238E27FC236}">
                <a16:creationId xmlns:a16="http://schemas.microsoft.com/office/drawing/2014/main" id="{CFDFA4E0-F6F0-2110-9AFB-C7E46A5927BC}"/>
              </a:ext>
            </a:extLst>
          </p:cNvPr>
          <p:cNvSpPr txBox="1"/>
          <p:nvPr/>
        </p:nvSpPr>
        <p:spPr>
          <a:xfrm>
            <a:off x="349250" y="165104"/>
            <a:ext cx="5881868" cy="3301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400" b="1" dirty="0"/>
              <a:t>INFORMATION SAMT KALLELSER</a:t>
            </a:r>
          </a:p>
        </p:txBody>
      </p:sp>
      <p:pic>
        <p:nvPicPr>
          <p:cNvPr id="5" name="Bildobjekt 4">
            <a:extLst>
              <a:ext uri="{FF2B5EF4-FFF2-40B4-BE49-F238E27FC236}">
                <a16:creationId xmlns:a16="http://schemas.microsoft.com/office/drawing/2014/main" id="{B1EA0170-7938-3B27-6F0E-AA53D07AF41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35499" y="844387"/>
            <a:ext cx="4514850" cy="2152650"/>
          </a:xfrm>
          <a:prstGeom prst="rect">
            <a:avLst/>
          </a:prstGeom>
        </p:spPr>
      </p:pic>
      <p:pic>
        <p:nvPicPr>
          <p:cNvPr id="10" name="Bildobjekt 9">
            <a:extLst>
              <a:ext uri="{FF2B5EF4-FFF2-40B4-BE49-F238E27FC236}">
                <a16:creationId xmlns:a16="http://schemas.microsoft.com/office/drawing/2014/main" id="{27B9B43A-3D3B-D0B1-5DEA-4AD5CEF1100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37489" y="3175556"/>
            <a:ext cx="3310870" cy="3310870"/>
          </a:xfrm>
          <a:prstGeom prst="rect">
            <a:avLst/>
          </a:prstGeom>
        </p:spPr>
      </p:pic>
      <p:sp>
        <p:nvSpPr>
          <p:cNvPr id="11" name="textruta 10">
            <a:extLst>
              <a:ext uri="{FF2B5EF4-FFF2-40B4-BE49-F238E27FC236}">
                <a16:creationId xmlns:a16="http://schemas.microsoft.com/office/drawing/2014/main" id="{D1187B8D-4BA5-B622-B80F-E0BFD8F9607E}"/>
              </a:ext>
            </a:extLst>
          </p:cNvPr>
          <p:cNvSpPr txBox="1"/>
          <p:nvPr/>
        </p:nvSpPr>
        <p:spPr>
          <a:xfrm>
            <a:off x="5275160" y="844387"/>
            <a:ext cx="6481341" cy="215265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sv-SE" sz="3200" b="1" dirty="0"/>
              <a:t>Nyheter och information</a:t>
            </a:r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sv-SE" sz="3200" b="1" dirty="0"/>
              <a:t>Kallelser för träning</a:t>
            </a:r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sv-SE" sz="3200" b="1" dirty="0"/>
              <a:t>Kallelser för matcher</a:t>
            </a:r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sv-SE" sz="3200" b="1" dirty="0"/>
              <a:t>Övriga aktiviteter</a:t>
            </a:r>
          </a:p>
        </p:txBody>
      </p:sp>
      <p:pic>
        <p:nvPicPr>
          <p:cNvPr id="13" name="Bildobjekt 12">
            <a:extLst>
              <a:ext uri="{FF2B5EF4-FFF2-40B4-BE49-F238E27FC236}">
                <a16:creationId xmlns:a16="http://schemas.microsoft.com/office/drawing/2014/main" id="{1C29464B-A20F-9A56-4229-3C7DA392520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738019" y="4445918"/>
            <a:ext cx="4211246" cy="1068763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4" name="textruta 13">
            <a:extLst>
              <a:ext uri="{FF2B5EF4-FFF2-40B4-BE49-F238E27FC236}">
                <a16:creationId xmlns:a16="http://schemas.microsoft.com/office/drawing/2014/main" id="{918B2C8D-48E2-D759-311C-CBE30DBA421A}"/>
              </a:ext>
            </a:extLst>
          </p:cNvPr>
          <p:cNvSpPr txBox="1"/>
          <p:nvPr/>
        </p:nvSpPr>
        <p:spPr>
          <a:xfrm>
            <a:off x="5738019" y="3860964"/>
            <a:ext cx="4211246" cy="42665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400" b="1" dirty="0"/>
              <a:t>Viktigt att svara på kallelser!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7762088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89ECD1F-E0DB-1EB1-36B6-F8F59319055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>
            <a:extLst>
              <a:ext uri="{FF2B5EF4-FFF2-40B4-BE49-F238E27FC236}">
                <a16:creationId xmlns:a16="http://schemas.microsoft.com/office/drawing/2014/main" id="{50E1523F-4E68-3BB6-3E7E-723110285CB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5529" y="647698"/>
            <a:ext cx="4720442" cy="6013450"/>
          </a:xfrm>
          <a:prstGeom prst="rect">
            <a:avLst/>
          </a:prstGeom>
        </p:spPr>
      </p:pic>
      <p:cxnSp>
        <p:nvCxnSpPr>
          <p:cNvPr id="6" name="Rak koppling 5">
            <a:extLst>
              <a:ext uri="{FF2B5EF4-FFF2-40B4-BE49-F238E27FC236}">
                <a16:creationId xmlns:a16="http://schemas.microsoft.com/office/drawing/2014/main" id="{7B3F21D7-B494-44BF-0749-ED28718A48CD}"/>
              </a:ext>
            </a:extLst>
          </p:cNvPr>
          <p:cNvCxnSpPr/>
          <p:nvPr/>
        </p:nvCxnSpPr>
        <p:spPr>
          <a:xfrm>
            <a:off x="209550" y="571500"/>
            <a:ext cx="11785600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ruta 8">
            <a:extLst>
              <a:ext uri="{FF2B5EF4-FFF2-40B4-BE49-F238E27FC236}">
                <a16:creationId xmlns:a16="http://schemas.microsoft.com/office/drawing/2014/main" id="{33977B34-0DE5-1C8C-0327-9EF40058894D}"/>
              </a:ext>
            </a:extLst>
          </p:cNvPr>
          <p:cNvSpPr txBox="1"/>
          <p:nvPr/>
        </p:nvSpPr>
        <p:spPr>
          <a:xfrm>
            <a:off x="349250" y="165104"/>
            <a:ext cx="2679700" cy="3301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400" b="1" dirty="0"/>
              <a:t>SPELFORM</a:t>
            </a:r>
          </a:p>
        </p:txBody>
      </p:sp>
      <p:pic>
        <p:nvPicPr>
          <p:cNvPr id="5" name="Bildobjekt 4">
            <a:extLst>
              <a:ext uri="{FF2B5EF4-FFF2-40B4-BE49-F238E27FC236}">
                <a16:creationId xmlns:a16="http://schemas.microsoft.com/office/drawing/2014/main" id="{7BC85A46-09E6-03AC-16B7-C0F0F7B7EBC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998656" y="647700"/>
            <a:ext cx="4713402" cy="6013448"/>
          </a:xfrm>
          <a:prstGeom prst="rect">
            <a:avLst/>
          </a:prstGeom>
          <a:ln>
            <a:solidFill>
              <a:schemeClr val="tx1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4407094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6C2D2B8-DE7D-44E0-773A-A80785A097A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" name="Rak koppling 5">
            <a:extLst>
              <a:ext uri="{FF2B5EF4-FFF2-40B4-BE49-F238E27FC236}">
                <a16:creationId xmlns:a16="http://schemas.microsoft.com/office/drawing/2014/main" id="{1FFBA25F-3A8F-2534-9547-8BED07BA2F0C}"/>
              </a:ext>
            </a:extLst>
          </p:cNvPr>
          <p:cNvCxnSpPr/>
          <p:nvPr/>
        </p:nvCxnSpPr>
        <p:spPr>
          <a:xfrm>
            <a:off x="209550" y="571500"/>
            <a:ext cx="11785600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ruta 8">
            <a:extLst>
              <a:ext uri="{FF2B5EF4-FFF2-40B4-BE49-F238E27FC236}">
                <a16:creationId xmlns:a16="http://schemas.microsoft.com/office/drawing/2014/main" id="{964B041A-BDC4-9089-060B-EA47F3D22BF8}"/>
              </a:ext>
            </a:extLst>
          </p:cNvPr>
          <p:cNvSpPr txBox="1"/>
          <p:nvPr/>
        </p:nvSpPr>
        <p:spPr>
          <a:xfrm>
            <a:off x="349250" y="165104"/>
            <a:ext cx="2679700" cy="3301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400" b="1" dirty="0"/>
              <a:t>MATCHER</a:t>
            </a:r>
          </a:p>
        </p:txBody>
      </p:sp>
      <p:pic>
        <p:nvPicPr>
          <p:cNvPr id="4" name="Bildobjekt 3">
            <a:extLst>
              <a:ext uri="{FF2B5EF4-FFF2-40B4-BE49-F238E27FC236}">
                <a16:creationId xmlns:a16="http://schemas.microsoft.com/office/drawing/2014/main" id="{239B0B2F-AC85-CE7A-390A-AC6FE48188E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49250" y="761139"/>
            <a:ext cx="5890927" cy="5612890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5" name="textruta 4">
            <a:extLst>
              <a:ext uri="{FF2B5EF4-FFF2-40B4-BE49-F238E27FC236}">
                <a16:creationId xmlns:a16="http://schemas.microsoft.com/office/drawing/2014/main" id="{57C5FCCB-0979-9DBB-D6D5-FA3B1E909EBB}"/>
              </a:ext>
            </a:extLst>
          </p:cNvPr>
          <p:cNvSpPr txBox="1"/>
          <p:nvPr/>
        </p:nvSpPr>
        <p:spPr>
          <a:xfrm>
            <a:off x="6462938" y="761138"/>
            <a:ext cx="4849228" cy="250053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342900" indent="-342900" algn="l">
              <a:buFont typeface="Wingdings" panose="05000000000000000000" pitchFamily="2" charset="2"/>
              <a:buChar char="Ø"/>
            </a:pPr>
            <a:r>
              <a:rPr lang="sv-SE" sz="2000" b="1" dirty="0">
                <a:solidFill>
                  <a:srgbClr val="00B050"/>
                </a:solidFill>
              </a:rPr>
              <a:t>Totalt 14 matcher</a:t>
            </a:r>
          </a:p>
          <a:p>
            <a:pPr marL="342900" indent="-342900" algn="l">
              <a:buFont typeface="Wingdings" panose="05000000000000000000" pitchFamily="2" charset="2"/>
              <a:buChar char="Ø"/>
            </a:pPr>
            <a:r>
              <a:rPr lang="sv-SE" sz="2000" b="1" dirty="0">
                <a:solidFill>
                  <a:srgbClr val="00B050"/>
                </a:solidFill>
              </a:rPr>
              <a:t>7 hemma matcher</a:t>
            </a:r>
          </a:p>
          <a:p>
            <a:pPr marL="342900" indent="-342900" algn="l">
              <a:buFont typeface="Wingdings" panose="05000000000000000000" pitchFamily="2" charset="2"/>
              <a:buChar char="Ø"/>
            </a:pPr>
            <a:r>
              <a:rPr lang="sv-SE" sz="2000" b="1" dirty="0">
                <a:solidFill>
                  <a:srgbClr val="00B050"/>
                </a:solidFill>
              </a:rPr>
              <a:t>7 borta matcher</a:t>
            </a:r>
          </a:p>
          <a:p>
            <a:pPr marL="342900" indent="-342900" algn="l">
              <a:buFont typeface="Wingdings" panose="05000000000000000000" pitchFamily="2" charset="2"/>
              <a:buChar char="Ø"/>
            </a:pPr>
            <a:r>
              <a:rPr lang="sv-SE" sz="2000" b="1" dirty="0">
                <a:solidFill>
                  <a:srgbClr val="00B050"/>
                </a:solidFill>
              </a:rPr>
              <a:t>Första matchen 2/5</a:t>
            </a:r>
          </a:p>
          <a:p>
            <a:pPr marL="342900" indent="-342900" algn="l">
              <a:buFont typeface="Wingdings" panose="05000000000000000000" pitchFamily="2" charset="2"/>
              <a:buChar char="Ø"/>
            </a:pPr>
            <a:r>
              <a:rPr lang="sv-SE" sz="2000" b="1" dirty="0">
                <a:solidFill>
                  <a:srgbClr val="00B050"/>
                </a:solidFill>
              </a:rPr>
              <a:t>Sista matchen 18/9</a:t>
            </a:r>
          </a:p>
        </p:txBody>
      </p:sp>
      <p:sp>
        <p:nvSpPr>
          <p:cNvPr id="10" name="textruta 9">
            <a:extLst>
              <a:ext uri="{FF2B5EF4-FFF2-40B4-BE49-F238E27FC236}">
                <a16:creationId xmlns:a16="http://schemas.microsoft.com/office/drawing/2014/main" id="{48476635-C727-5232-BC79-65655C57FF49}"/>
              </a:ext>
            </a:extLst>
          </p:cNvPr>
          <p:cNvSpPr txBox="1"/>
          <p:nvPr/>
        </p:nvSpPr>
        <p:spPr>
          <a:xfrm>
            <a:off x="6462938" y="2443507"/>
            <a:ext cx="4010303" cy="50924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3200" b="1" dirty="0"/>
              <a:t>Motståndare 2026</a:t>
            </a:r>
          </a:p>
        </p:txBody>
      </p:sp>
      <p:sp>
        <p:nvSpPr>
          <p:cNvPr id="11" name="textruta 10">
            <a:extLst>
              <a:ext uri="{FF2B5EF4-FFF2-40B4-BE49-F238E27FC236}">
                <a16:creationId xmlns:a16="http://schemas.microsoft.com/office/drawing/2014/main" id="{2BE3842A-73D7-DD0C-307A-4C0C82205651}"/>
              </a:ext>
            </a:extLst>
          </p:cNvPr>
          <p:cNvSpPr txBox="1"/>
          <p:nvPr/>
        </p:nvSpPr>
        <p:spPr>
          <a:xfrm>
            <a:off x="6462938" y="2952750"/>
            <a:ext cx="3238500" cy="333375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2000" b="1" dirty="0" err="1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Dalsom</a:t>
            </a:r>
            <a:r>
              <a:rPr lang="sv-SE" sz="2000" b="1" dirty="0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 Förening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2000" b="1" dirty="0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Forssa BK Vit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2000" b="1" dirty="0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IF </a:t>
            </a:r>
            <a:r>
              <a:rPr lang="sv-SE" sz="2000" b="1" dirty="0" err="1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Tunabro</a:t>
            </a:r>
            <a:endParaRPr lang="sv-SE" sz="2000" b="1" dirty="0">
              <a:solidFill>
                <a:srgbClr val="2D2D2D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2000" b="1" dirty="0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IFK Grängesberg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2000" b="1" dirty="0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Kvarnsvedens IK Röd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2000" b="1" dirty="0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Ludvika FK Grön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2000" b="1" dirty="0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Slätta SK Svart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2000" b="1" dirty="0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Smedjebackens FK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2000" b="1" dirty="0" err="1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Swesom</a:t>
            </a:r>
            <a:r>
              <a:rPr lang="sv-SE" sz="2000" b="1" dirty="0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 FC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2000" b="1" dirty="0" err="1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Östansbo</a:t>
            </a:r>
            <a:r>
              <a:rPr lang="sv-SE" sz="2000" b="1" dirty="0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 IS Gul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2000" b="1" dirty="0" err="1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Östansbo</a:t>
            </a:r>
            <a:r>
              <a:rPr lang="sv-SE" sz="2000" b="1" dirty="0">
                <a:solidFill>
                  <a:srgbClr val="2D2D2D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 IS Vit</a:t>
            </a:r>
          </a:p>
          <a:p>
            <a:pPr algn="l"/>
            <a:endParaRPr lang="sv-SE" sz="1400" dirty="0"/>
          </a:p>
        </p:txBody>
      </p:sp>
      <p:pic>
        <p:nvPicPr>
          <p:cNvPr id="12" name="Picture 2" descr="Svenska Fotbollsklubbar">
            <a:extLst>
              <a:ext uri="{FF2B5EF4-FFF2-40B4-BE49-F238E27FC236}">
                <a16:creationId xmlns:a16="http://schemas.microsoft.com/office/drawing/2014/main" id="{0F21D25F-CA86-40B8-ABA8-274E85D1FB3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701438" y="911661"/>
            <a:ext cx="1322076" cy="134220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1B744145-AEF7-42E4-A97C-483268DCDF2E}"/>
              </a:ext>
            </a:extLst>
          </p:cNvPr>
          <p:cNvSpPr txBox="1"/>
          <p:nvPr/>
        </p:nvSpPr>
        <p:spPr>
          <a:xfrm>
            <a:off x="9230448" y="3936239"/>
            <a:ext cx="2764702" cy="134220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000" b="1" dirty="0">
                <a:solidFill>
                  <a:schemeClr val="accent1">
                    <a:lumMod val="60000"/>
                    <a:lumOff val="40000"/>
                  </a:schemeClr>
                </a:solidFill>
              </a:rPr>
              <a:t>”Matchställ delas ut första matchen och denna är personlig under hela säsongen”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5659266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CD5CF66-3FE0-5D42-081D-1197B3003E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" name="Rak koppling 5">
            <a:extLst>
              <a:ext uri="{FF2B5EF4-FFF2-40B4-BE49-F238E27FC236}">
                <a16:creationId xmlns:a16="http://schemas.microsoft.com/office/drawing/2014/main" id="{0C9A9843-D6AF-9544-4723-979E45D342D7}"/>
              </a:ext>
            </a:extLst>
          </p:cNvPr>
          <p:cNvCxnSpPr/>
          <p:nvPr/>
        </p:nvCxnSpPr>
        <p:spPr>
          <a:xfrm>
            <a:off x="209550" y="571500"/>
            <a:ext cx="11785600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ruta 8">
            <a:extLst>
              <a:ext uri="{FF2B5EF4-FFF2-40B4-BE49-F238E27FC236}">
                <a16:creationId xmlns:a16="http://schemas.microsoft.com/office/drawing/2014/main" id="{E05DDE02-562E-7B8D-BCAC-7741B127CF87}"/>
              </a:ext>
            </a:extLst>
          </p:cNvPr>
          <p:cNvSpPr txBox="1"/>
          <p:nvPr/>
        </p:nvSpPr>
        <p:spPr>
          <a:xfrm>
            <a:off x="349249" y="165104"/>
            <a:ext cx="4119055" cy="3301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400" b="1" dirty="0"/>
              <a:t>HEMMA MATCHER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4E64CFEB-1E7A-8262-5D3B-406D5B1608C7}"/>
              </a:ext>
            </a:extLst>
          </p:cNvPr>
          <p:cNvSpPr txBox="1"/>
          <p:nvPr/>
        </p:nvSpPr>
        <p:spPr>
          <a:xfrm>
            <a:off x="349249" y="953506"/>
            <a:ext cx="2938806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sv-SE" sz="1800" b="1" dirty="0"/>
              <a:t>7st hemma matcher</a:t>
            </a:r>
          </a:p>
        </p:txBody>
      </p:sp>
      <p:sp>
        <p:nvSpPr>
          <p:cNvPr id="8" name="textruta 7">
            <a:extLst>
              <a:ext uri="{FF2B5EF4-FFF2-40B4-BE49-F238E27FC236}">
                <a16:creationId xmlns:a16="http://schemas.microsoft.com/office/drawing/2014/main" id="{9D3C75CE-2B50-C3F1-7C1B-8DBD523F36BB}"/>
              </a:ext>
            </a:extLst>
          </p:cNvPr>
          <p:cNvSpPr txBox="1"/>
          <p:nvPr/>
        </p:nvSpPr>
        <p:spPr>
          <a:xfrm>
            <a:off x="315443" y="3511600"/>
            <a:ext cx="5379814" cy="267765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sv-SE" sz="2400" b="1" dirty="0"/>
              <a:t>9/5 </a:t>
            </a:r>
            <a:r>
              <a:rPr lang="sv-SE" sz="2400" b="1" dirty="0" err="1"/>
              <a:t>kl</a:t>
            </a:r>
            <a:r>
              <a:rPr lang="sv-SE" sz="2400" b="1" dirty="0"/>
              <a:t> 12.00 Kvarnsveden</a:t>
            </a:r>
          </a:p>
          <a:p>
            <a:pPr algn="l"/>
            <a:r>
              <a:rPr lang="sv-SE" sz="2400" b="1" dirty="0"/>
              <a:t>23/5 </a:t>
            </a:r>
            <a:r>
              <a:rPr lang="sv-SE" sz="2400" b="1" dirty="0" err="1"/>
              <a:t>kl</a:t>
            </a:r>
            <a:r>
              <a:rPr lang="sv-SE" sz="2400" b="1" dirty="0"/>
              <a:t> 10.00 </a:t>
            </a:r>
            <a:r>
              <a:rPr lang="sv-SE" sz="2400" b="1" dirty="0" err="1"/>
              <a:t>Tunabro</a:t>
            </a:r>
            <a:endParaRPr lang="sv-SE" sz="2400" b="1" dirty="0"/>
          </a:p>
          <a:p>
            <a:pPr algn="l"/>
            <a:r>
              <a:rPr lang="sv-SE" sz="2400" b="1" dirty="0"/>
              <a:t>5/6 </a:t>
            </a:r>
            <a:r>
              <a:rPr lang="sv-SE" sz="2400" b="1" dirty="0" err="1"/>
              <a:t>kl</a:t>
            </a:r>
            <a:r>
              <a:rPr lang="sv-SE" sz="2400" b="1" dirty="0"/>
              <a:t> 18.00 </a:t>
            </a:r>
            <a:r>
              <a:rPr lang="sv-SE" sz="2400" b="1" dirty="0" err="1"/>
              <a:t>Dalsom</a:t>
            </a:r>
            <a:endParaRPr lang="sv-SE" sz="2400" b="1" dirty="0"/>
          </a:p>
          <a:p>
            <a:pPr algn="l"/>
            <a:r>
              <a:rPr lang="sv-SE" sz="2400" b="1" dirty="0"/>
              <a:t>8/8 </a:t>
            </a:r>
            <a:r>
              <a:rPr lang="sv-SE" sz="2400" b="1" dirty="0" err="1"/>
              <a:t>kl</a:t>
            </a:r>
            <a:r>
              <a:rPr lang="sv-SE" sz="2400" b="1" dirty="0"/>
              <a:t> 10.00 </a:t>
            </a:r>
            <a:r>
              <a:rPr lang="sv-SE" sz="2400" b="1" dirty="0" err="1"/>
              <a:t>Swesom</a:t>
            </a:r>
            <a:endParaRPr lang="sv-SE" sz="2400" b="1" dirty="0"/>
          </a:p>
          <a:p>
            <a:pPr algn="l"/>
            <a:r>
              <a:rPr lang="sv-SE" sz="2400" b="1" dirty="0"/>
              <a:t>23/8 </a:t>
            </a:r>
            <a:r>
              <a:rPr lang="sv-SE" sz="2400" b="1" dirty="0" err="1"/>
              <a:t>kl</a:t>
            </a:r>
            <a:r>
              <a:rPr lang="sv-SE" sz="2400" b="1" dirty="0"/>
              <a:t> 13.00 Slätta</a:t>
            </a:r>
          </a:p>
          <a:p>
            <a:pPr algn="l"/>
            <a:r>
              <a:rPr lang="sv-SE" sz="2400" b="1" dirty="0"/>
              <a:t>4/9 </a:t>
            </a:r>
            <a:r>
              <a:rPr lang="sv-SE" sz="2400" b="1" dirty="0" err="1"/>
              <a:t>kl</a:t>
            </a:r>
            <a:r>
              <a:rPr lang="sv-SE" sz="2400" b="1" dirty="0"/>
              <a:t> 18.00 Ludvika</a:t>
            </a:r>
          </a:p>
          <a:p>
            <a:pPr algn="l"/>
            <a:r>
              <a:rPr lang="sv-SE" sz="2400" b="1" dirty="0"/>
              <a:t>18/9 </a:t>
            </a:r>
            <a:r>
              <a:rPr lang="sv-SE" sz="2400" b="1" dirty="0" err="1"/>
              <a:t>kl</a:t>
            </a:r>
            <a:r>
              <a:rPr lang="sv-SE" sz="2400" b="1" dirty="0"/>
              <a:t> 18.00 Grängesberg</a:t>
            </a:r>
          </a:p>
        </p:txBody>
      </p:sp>
      <p:pic>
        <p:nvPicPr>
          <p:cNvPr id="14" name="Bildobjekt 13">
            <a:extLst>
              <a:ext uri="{FF2B5EF4-FFF2-40B4-BE49-F238E27FC236}">
                <a16:creationId xmlns:a16="http://schemas.microsoft.com/office/drawing/2014/main" id="{BB376B6E-E5D1-DD30-C5B6-6F51A7007264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-209" t="9347" r="209" b="13717"/>
          <a:stretch>
            <a:fillRect/>
          </a:stretch>
        </p:blipFill>
        <p:spPr>
          <a:xfrm>
            <a:off x="4531896" y="1090927"/>
            <a:ext cx="4514850" cy="3744693"/>
          </a:xfrm>
          <a:prstGeom prst="rect">
            <a:avLst/>
          </a:prstGeom>
        </p:spPr>
      </p:pic>
      <p:pic>
        <p:nvPicPr>
          <p:cNvPr id="12" name="Picture 2" descr="Svenska Fotbollsklubbar">
            <a:extLst>
              <a:ext uri="{FF2B5EF4-FFF2-40B4-BE49-F238E27FC236}">
                <a16:creationId xmlns:a16="http://schemas.microsoft.com/office/drawing/2014/main" id="{F74B6A4D-66A6-16F8-FC83-22434598D06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1794" y="1758215"/>
            <a:ext cx="661466" cy="6715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Reflexväst barn | Breda reflexband | Play in BLWR | Jula">
            <a:extLst>
              <a:ext uri="{FF2B5EF4-FFF2-40B4-BE49-F238E27FC236}">
                <a16:creationId xmlns:a16="http://schemas.microsoft.com/office/drawing/2014/main" id="{73883FAC-9EAC-41EA-A587-AF44F595764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732017" y="2396877"/>
            <a:ext cx="2172629" cy="217262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DCFB259F-AC9E-695B-572F-F79E8583ABE6}"/>
              </a:ext>
            </a:extLst>
          </p:cNvPr>
          <p:cNvSpPr txBox="1"/>
          <p:nvPr/>
        </p:nvSpPr>
        <p:spPr>
          <a:xfrm>
            <a:off x="393986" y="1490008"/>
            <a:ext cx="4137910" cy="193899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sv-SE" sz="2400" b="1" dirty="0"/>
              <a:t>Tjänstgöringsansvarig </a:t>
            </a:r>
          </a:p>
          <a:p>
            <a:pPr algn="l"/>
            <a:r>
              <a:rPr lang="sv-SE" sz="2400" b="1" dirty="0"/>
              <a:t>Malin Lööf</a:t>
            </a:r>
            <a:endParaRPr lang="sv-SE" b="1" dirty="0"/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b="1" dirty="0">
                <a:solidFill>
                  <a:srgbClr val="00B050"/>
                </a:solidFill>
              </a:rPr>
              <a:t>Skapar schema för kiosk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1800" b="1" dirty="0">
                <a:solidFill>
                  <a:srgbClr val="00B050"/>
                </a:solidFill>
              </a:rPr>
              <a:t>Skapar schema för matchvärd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b="1" dirty="0">
                <a:solidFill>
                  <a:srgbClr val="00B050"/>
                </a:solidFill>
              </a:rPr>
              <a:t>Bollkastning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sv-SE" sz="1800" b="1" dirty="0">
                <a:solidFill>
                  <a:srgbClr val="00B050"/>
                </a:solidFill>
              </a:rPr>
              <a:t>Prise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7051128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793FA87-6E1B-54B1-4B02-5193DDA9765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" name="Rak koppling 5">
            <a:extLst>
              <a:ext uri="{FF2B5EF4-FFF2-40B4-BE49-F238E27FC236}">
                <a16:creationId xmlns:a16="http://schemas.microsoft.com/office/drawing/2014/main" id="{5D85F724-9A35-3676-DB8B-31B0792B944E}"/>
              </a:ext>
            </a:extLst>
          </p:cNvPr>
          <p:cNvCxnSpPr/>
          <p:nvPr/>
        </p:nvCxnSpPr>
        <p:spPr>
          <a:xfrm>
            <a:off x="209550" y="571500"/>
            <a:ext cx="11785600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ruta 8">
            <a:extLst>
              <a:ext uri="{FF2B5EF4-FFF2-40B4-BE49-F238E27FC236}">
                <a16:creationId xmlns:a16="http://schemas.microsoft.com/office/drawing/2014/main" id="{6EA01BB7-53CF-78D7-891B-117CEE806B9F}"/>
              </a:ext>
            </a:extLst>
          </p:cNvPr>
          <p:cNvSpPr txBox="1"/>
          <p:nvPr/>
        </p:nvSpPr>
        <p:spPr>
          <a:xfrm>
            <a:off x="349249" y="165104"/>
            <a:ext cx="4119055" cy="3301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400" b="1" dirty="0"/>
              <a:t>CUP</a:t>
            </a:r>
          </a:p>
        </p:txBody>
      </p:sp>
      <p:pic>
        <p:nvPicPr>
          <p:cNvPr id="4" name="Bildobjekt 3">
            <a:extLst>
              <a:ext uri="{FF2B5EF4-FFF2-40B4-BE49-F238E27FC236}">
                <a16:creationId xmlns:a16="http://schemas.microsoft.com/office/drawing/2014/main" id="{B3CBF7F6-38F0-F4D7-AF3D-024A1D0B71C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49249" y="857001"/>
            <a:ext cx="6392167" cy="3562847"/>
          </a:xfrm>
          <a:prstGeom prst="rect">
            <a:avLst/>
          </a:prstGeom>
        </p:spPr>
      </p:pic>
      <p:sp>
        <p:nvSpPr>
          <p:cNvPr id="10" name="textruta 9">
            <a:extLst>
              <a:ext uri="{FF2B5EF4-FFF2-40B4-BE49-F238E27FC236}">
                <a16:creationId xmlns:a16="http://schemas.microsoft.com/office/drawing/2014/main" id="{2A157175-3836-B3FC-2668-6644E0ADE834}"/>
              </a:ext>
            </a:extLst>
          </p:cNvPr>
          <p:cNvSpPr txBox="1"/>
          <p:nvPr/>
        </p:nvSpPr>
        <p:spPr>
          <a:xfrm>
            <a:off x="7696200" y="923349"/>
            <a:ext cx="2351626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buNone/>
            </a:pPr>
            <a:r>
              <a:rPr lang="sv-SE" sz="2400" i="0" dirty="0">
                <a:solidFill>
                  <a:srgbClr val="252525"/>
                </a:solidFill>
                <a:effectLst/>
                <a:latin typeface="Roboto Slab" panose="020F0502020204030204" pitchFamily="2" charset="0"/>
              </a:rPr>
              <a:t>12 - 14/6 2026</a:t>
            </a:r>
          </a:p>
        </p:txBody>
      </p:sp>
      <p:sp>
        <p:nvSpPr>
          <p:cNvPr id="11" name="textruta 10">
            <a:extLst>
              <a:ext uri="{FF2B5EF4-FFF2-40B4-BE49-F238E27FC236}">
                <a16:creationId xmlns:a16="http://schemas.microsoft.com/office/drawing/2014/main" id="{1A9E19D0-60B5-5561-8BCA-C1713AFF39D4}"/>
              </a:ext>
            </a:extLst>
          </p:cNvPr>
          <p:cNvSpPr txBox="1"/>
          <p:nvPr/>
        </p:nvSpPr>
        <p:spPr>
          <a:xfrm>
            <a:off x="6885526" y="923350"/>
            <a:ext cx="1134524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buNone/>
            </a:pPr>
            <a:r>
              <a:rPr lang="sv-SE" sz="2400" b="1" i="0" dirty="0">
                <a:solidFill>
                  <a:srgbClr val="252525"/>
                </a:solidFill>
                <a:effectLst/>
                <a:latin typeface="Roboto Slab" panose="020F0502020204030204" pitchFamily="2" charset="0"/>
              </a:rPr>
              <a:t>När:</a:t>
            </a:r>
            <a:endParaRPr lang="sv-SE" sz="2400" b="0" i="0" dirty="0">
              <a:solidFill>
                <a:srgbClr val="252525"/>
              </a:solidFill>
              <a:effectLst/>
              <a:latin typeface="Roboto Slab" panose="020F0502020204030204" pitchFamily="2" charset="0"/>
            </a:endParaRPr>
          </a:p>
        </p:txBody>
      </p:sp>
      <p:pic>
        <p:nvPicPr>
          <p:cNvPr id="15" name="Bildobjekt 14">
            <a:extLst>
              <a:ext uri="{FF2B5EF4-FFF2-40B4-BE49-F238E27FC236}">
                <a16:creationId xmlns:a16="http://schemas.microsoft.com/office/drawing/2014/main" id="{D76E89D9-7665-60D4-01FD-DA257D1C0CD8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b="69200"/>
          <a:stretch>
            <a:fillRect/>
          </a:stretch>
        </p:blipFill>
        <p:spPr>
          <a:xfrm>
            <a:off x="7024441" y="1482241"/>
            <a:ext cx="3534268" cy="886024"/>
          </a:xfrm>
          <a:prstGeom prst="rect">
            <a:avLst/>
          </a:prstGeom>
        </p:spPr>
      </p:pic>
      <p:pic>
        <p:nvPicPr>
          <p:cNvPr id="17" name="Bildobjekt 16">
            <a:extLst>
              <a:ext uri="{FF2B5EF4-FFF2-40B4-BE49-F238E27FC236}">
                <a16:creationId xmlns:a16="http://schemas.microsoft.com/office/drawing/2014/main" id="{07E6490B-4419-6C22-9352-C9336EA68A0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986341" y="2410806"/>
            <a:ext cx="3219899" cy="1600423"/>
          </a:xfrm>
          <a:prstGeom prst="rect">
            <a:avLst/>
          </a:prstGeom>
        </p:spPr>
      </p:pic>
      <p:sp>
        <p:nvSpPr>
          <p:cNvPr id="18" name="textruta 17">
            <a:extLst>
              <a:ext uri="{FF2B5EF4-FFF2-40B4-BE49-F238E27FC236}">
                <a16:creationId xmlns:a16="http://schemas.microsoft.com/office/drawing/2014/main" id="{17973A40-CBC0-3650-C3FB-4D9BB0E503FA}"/>
              </a:ext>
            </a:extLst>
          </p:cNvPr>
          <p:cNvSpPr txBox="1"/>
          <p:nvPr/>
        </p:nvSpPr>
        <p:spPr>
          <a:xfrm>
            <a:off x="9792471" y="4000724"/>
            <a:ext cx="2351626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buNone/>
            </a:pPr>
            <a:r>
              <a:rPr lang="sv-SE" sz="2400" i="0" dirty="0">
                <a:solidFill>
                  <a:srgbClr val="252525"/>
                </a:solidFill>
                <a:effectLst/>
                <a:latin typeface="Roboto Slab" panose="020F0502020204030204" pitchFamily="2" charset="0"/>
              </a:rPr>
              <a:t>25 maj</a:t>
            </a:r>
          </a:p>
        </p:txBody>
      </p:sp>
      <p:sp>
        <p:nvSpPr>
          <p:cNvPr id="19" name="textruta 18">
            <a:extLst>
              <a:ext uri="{FF2B5EF4-FFF2-40B4-BE49-F238E27FC236}">
                <a16:creationId xmlns:a16="http://schemas.microsoft.com/office/drawing/2014/main" id="{8AADB406-A28E-E436-7BAC-98D5B02059AB}"/>
              </a:ext>
            </a:extLst>
          </p:cNvPr>
          <p:cNvSpPr txBox="1"/>
          <p:nvPr/>
        </p:nvSpPr>
        <p:spPr>
          <a:xfrm>
            <a:off x="6477000" y="3958183"/>
            <a:ext cx="4491284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buNone/>
            </a:pPr>
            <a:r>
              <a:rPr lang="sv-SE" sz="2400" b="1" i="0" dirty="0">
                <a:solidFill>
                  <a:srgbClr val="252525"/>
                </a:solidFill>
                <a:effectLst/>
                <a:latin typeface="Roboto Slab" panose="020F0502020204030204" pitchFamily="2" charset="0"/>
              </a:rPr>
              <a:t>Sista anmälningsdag:</a:t>
            </a:r>
            <a:endParaRPr lang="sv-SE" sz="2400" b="0" i="0" dirty="0">
              <a:solidFill>
                <a:srgbClr val="252525"/>
              </a:solidFill>
              <a:effectLst/>
              <a:latin typeface="Roboto Slab" panose="020F0502020204030204" pitchFamily="2" charset="0"/>
            </a:endParaRPr>
          </a:p>
        </p:txBody>
      </p:sp>
      <p:sp>
        <p:nvSpPr>
          <p:cNvPr id="20" name="textruta 19">
            <a:extLst>
              <a:ext uri="{FF2B5EF4-FFF2-40B4-BE49-F238E27FC236}">
                <a16:creationId xmlns:a16="http://schemas.microsoft.com/office/drawing/2014/main" id="{B3324867-A19E-E443-919B-D4E99CA67B21}"/>
              </a:ext>
            </a:extLst>
          </p:cNvPr>
          <p:cNvSpPr txBox="1"/>
          <p:nvPr/>
        </p:nvSpPr>
        <p:spPr>
          <a:xfrm>
            <a:off x="474841" y="5077527"/>
            <a:ext cx="1420422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buNone/>
            </a:pPr>
            <a:r>
              <a:rPr lang="sv-SE" sz="2400" b="1" i="0" dirty="0">
                <a:solidFill>
                  <a:srgbClr val="252525"/>
                </a:solidFill>
                <a:effectLst/>
                <a:latin typeface="Roboto Slab" panose="020F0502020204030204" pitchFamily="2" charset="0"/>
              </a:rPr>
              <a:t>Cup</a:t>
            </a:r>
            <a:endParaRPr lang="sv-SE" sz="2400" b="0" i="0" dirty="0">
              <a:solidFill>
                <a:srgbClr val="252525"/>
              </a:solidFill>
              <a:effectLst/>
              <a:latin typeface="Roboto Slab" panose="020F0502020204030204" pitchFamily="2" charset="0"/>
            </a:endParaRPr>
          </a:p>
        </p:txBody>
      </p:sp>
      <p:sp>
        <p:nvSpPr>
          <p:cNvPr id="21" name="textruta 20">
            <a:extLst>
              <a:ext uri="{FF2B5EF4-FFF2-40B4-BE49-F238E27FC236}">
                <a16:creationId xmlns:a16="http://schemas.microsoft.com/office/drawing/2014/main" id="{32521284-9E93-EB2B-5D30-01DB5C950F39}"/>
              </a:ext>
            </a:extLst>
          </p:cNvPr>
          <p:cNvSpPr txBox="1"/>
          <p:nvPr/>
        </p:nvSpPr>
        <p:spPr>
          <a:xfrm>
            <a:off x="209550" y="5452800"/>
            <a:ext cx="4518028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buNone/>
            </a:pPr>
            <a:r>
              <a:rPr lang="sv-SE" sz="2400" b="1" i="0" dirty="0">
                <a:solidFill>
                  <a:srgbClr val="252525"/>
                </a:solidFill>
                <a:effectLst/>
                <a:latin typeface="Roboto Slab" panose="020F0502020204030204" pitchFamily="2" charset="0"/>
              </a:rPr>
              <a:t>Försäljningsansvarig</a:t>
            </a:r>
            <a:endParaRPr lang="sv-SE" sz="2400" b="0" i="0" dirty="0">
              <a:solidFill>
                <a:srgbClr val="252525"/>
              </a:solidFill>
              <a:effectLst/>
              <a:latin typeface="Roboto Slab" panose="020F0502020204030204" pitchFamily="2" charset="0"/>
            </a:endParaRPr>
          </a:p>
        </p:txBody>
      </p:sp>
      <p:pic>
        <p:nvPicPr>
          <p:cNvPr id="23" name="Bildobjekt 22">
            <a:extLst>
              <a:ext uri="{FF2B5EF4-FFF2-40B4-BE49-F238E27FC236}">
                <a16:creationId xmlns:a16="http://schemas.microsoft.com/office/drawing/2014/main" id="{28DAC56F-FAD5-B12B-F7BB-A23A7199C89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616971" y="5050640"/>
            <a:ext cx="2510084" cy="1408613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24" name="textruta 23">
            <a:extLst>
              <a:ext uri="{FF2B5EF4-FFF2-40B4-BE49-F238E27FC236}">
                <a16:creationId xmlns:a16="http://schemas.microsoft.com/office/drawing/2014/main" id="{CF7E02CE-340D-83A8-03FB-B11454F6374B}"/>
              </a:ext>
            </a:extLst>
          </p:cNvPr>
          <p:cNvSpPr txBox="1"/>
          <p:nvPr/>
        </p:nvSpPr>
        <p:spPr>
          <a:xfrm>
            <a:off x="7695653" y="6459253"/>
            <a:ext cx="243140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buNone/>
            </a:pPr>
            <a:r>
              <a:rPr lang="sv-SE" b="1" i="0" dirty="0">
                <a:solidFill>
                  <a:srgbClr val="252525"/>
                </a:solidFill>
                <a:effectLst/>
                <a:latin typeface="Roboto Slab" panose="020F0502020204030204" pitchFamily="2" charset="0"/>
              </a:rPr>
              <a:t>Fotbollsskola v.25</a:t>
            </a:r>
            <a:endParaRPr lang="sv-SE" b="0" i="0" dirty="0">
              <a:solidFill>
                <a:srgbClr val="252525"/>
              </a:solidFill>
              <a:effectLst/>
              <a:latin typeface="Roboto Slab" panose="020F0502020204030204" pitchFamily="2" charset="0"/>
            </a:endParaRPr>
          </a:p>
        </p:txBody>
      </p:sp>
      <p:sp>
        <p:nvSpPr>
          <p:cNvPr id="2" name="textruta 1">
            <a:extLst>
              <a:ext uri="{FF2B5EF4-FFF2-40B4-BE49-F238E27FC236}">
                <a16:creationId xmlns:a16="http://schemas.microsoft.com/office/drawing/2014/main" id="{5C254D4F-8B62-5E0F-5921-FE3E1088C7EC}"/>
              </a:ext>
            </a:extLst>
          </p:cNvPr>
          <p:cNvSpPr txBox="1"/>
          <p:nvPr/>
        </p:nvSpPr>
        <p:spPr>
          <a:xfrm>
            <a:off x="388205" y="5824835"/>
            <a:ext cx="6818505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buNone/>
            </a:pPr>
            <a:r>
              <a:rPr lang="sv-SE" sz="2400" b="1" dirty="0">
                <a:solidFill>
                  <a:srgbClr val="00B050"/>
                </a:solidFill>
                <a:latin typeface="Roboto Slab" panose="020F0502020204030204" pitchFamily="2" charset="0"/>
              </a:rPr>
              <a:t>Simone Wetterskog &amp; Ulrika </a:t>
            </a:r>
            <a:r>
              <a:rPr lang="sv-SE" sz="2400" b="1" dirty="0" err="1">
                <a:solidFill>
                  <a:srgbClr val="00B050"/>
                </a:solidFill>
                <a:latin typeface="Roboto Slab" panose="020F0502020204030204" pitchFamily="2" charset="0"/>
              </a:rPr>
              <a:t>Trönnblom</a:t>
            </a:r>
            <a:endParaRPr lang="sv-SE" sz="2400" b="0" i="0" dirty="0">
              <a:solidFill>
                <a:srgbClr val="00B050"/>
              </a:solidFill>
              <a:effectLst/>
              <a:latin typeface="Roboto Slab" panose="020F0502020204030204" pitchFamily="2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2722979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9DC8A93-49EA-E9E8-C65A-5D4275F95F7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" name="Rak koppling 5">
            <a:extLst>
              <a:ext uri="{FF2B5EF4-FFF2-40B4-BE49-F238E27FC236}">
                <a16:creationId xmlns:a16="http://schemas.microsoft.com/office/drawing/2014/main" id="{4CB454F3-DBCF-C0B9-00AC-FC3218F63B60}"/>
              </a:ext>
            </a:extLst>
          </p:cNvPr>
          <p:cNvCxnSpPr/>
          <p:nvPr/>
        </p:nvCxnSpPr>
        <p:spPr>
          <a:xfrm>
            <a:off x="209550" y="571500"/>
            <a:ext cx="11785600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ruta 8">
            <a:extLst>
              <a:ext uri="{FF2B5EF4-FFF2-40B4-BE49-F238E27FC236}">
                <a16:creationId xmlns:a16="http://schemas.microsoft.com/office/drawing/2014/main" id="{D88396FA-68AF-1CF0-E4F3-CCE8ED6CC77C}"/>
              </a:ext>
            </a:extLst>
          </p:cNvPr>
          <p:cNvSpPr txBox="1"/>
          <p:nvPr/>
        </p:nvSpPr>
        <p:spPr>
          <a:xfrm>
            <a:off x="349249" y="165104"/>
            <a:ext cx="4119055" cy="3301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sv-SE" sz="2400" b="1" dirty="0"/>
              <a:t>VÄRDEGRUND</a:t>
            </a:r>
          </a:p>
        </p:txBody>
      </p:sp>
      <p:pic>
        <p:nvPicPr>
          <p:cNvPr id="3" name="Bildobjekt 2">
            <a:extLst>
              <a:ext uri="{FF2B5EF4-FFF2-40B4-BE49-F238E27FC236}">
                <a16:creationId xmlns:a16="http://schemas.microsoft.com/office/drawing/2014/main" id="{267A5362-2D30-A9CD-4C97-D79567616F3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05830" y="647698"/>
            <a:ext cx="9780340" cy="621030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33794473"/>
      </p:ext>
    </p:extLst>
  </p:cSld>
  <p:clrMapOvr>
    <a:masterClrMapping/>
  </p:clrMapOvr>
</p:sld>
</file>

<file path=ppt/theme/theme1.xml><?xml version="1.0" encoding="utf-8"?>
<a:theme xmlns:a="http://schemas.openxmlformats.org/drawingml/2006/main" name="Hitachi Energy">
  <a:themeElements>
    <a:clrScheme name="Custom 1">
      <a:dk1>
        <a:sysClr val="windowText" lastClr="000000"/>
      </a:dk1>
      <a:lt1>
        <a:sysClr val="window" lastClr="FFFFFF"/>
      </a:lt1>
      <a:dk2>
        <a:srgbClr val="FF0026"/>
      </a:dk2>
      <a:lt2>
        <a:srgbClr val="B1000E"/>
      </a:lt2>
      <a:accent1>
        <a:srgbClr val="7E000A"/>
      </a:accent1>
      <a:accent2>
        <a:srgbClr val="2D2D2D"/>
      </a:accent2>
      <a:accent3>
        <a:srgbClr val="4D4D4D"/>
      </a:accent3>
      <a:accent4>
        <a:srgbClr val="737373"/>
      </a:accent4>
      <a:accent5>
        <a:srgbClr val="B3B3B3"/>
      </a:accent5>
      <a:accent6>
        <a:srgbClr val="D9D9D9"/>
      </a:accent6>
      <a:hlink>
        <a:srgbClr val="FF0026"/>
      </a:hlink>
      <a:folHlink>
        <a:srgbClr val="B1000E"/>
      </a:folHlink>
    </a:clrScheme>
    <a:fontScheme name="Hitachi Fon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000000"/>
        </a:solidFill>
        <a:ln>
          <a:noFill/>
        </a:ln>
      </a:spPr>
      <a:bodyPr rtlCol="0" anchor="t"/>
      <a:lstStyle>
        <a:defPPr algn="l">
          <a:defRPr sz="1400" dirty="0" err="1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1400" dirty="0" err="1" smtClean="0"/>
        </a:defPPr>
      </a:lstStyle>
    </a:txDef>
  </a:objectDefaults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Presentation1" id="{387C3827-3C38-46B7-B7EF-08EF35410397}" vid="{3B3D2B3F-8A4F-4ADB-94D9-D2E79CCA1AC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Blank PPT","templateDescription":"","enableDocumentContentUpdater":false,"version":"2.0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2.xml><?xml version="1.0" encoding="utf-8"?>
<TemplafyFormConfiguration><![CDATA[{"formFields":[],"formDataEntries":[]}]]></TemplafyFormConfiguration>
</file>

<file path=customXml/item20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3.xml><?xml version="1.0" encoding="utf-8"?>
<Update>
  <Cmd case="SkabelonDesign.DocumentData:DefineData" variableName="AdditionalInformation">
    <Doc.Prop.AdditionalInformation>
      <Doc.Prop.AdditionalInformation/>
    </Doc.Prop.AdditionalInformation>
    <s/>
  </Cmd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<![CDATA[© ]]></s>
      <Doc.Prop.CopyrightYear/>
      <s> 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<![CDATA[ - Rev:  ]]></s>
      <Doc.Prop.DocumentRevisionId/>
    </Doc.Prop.DocumentRevisionId>
    <s/>
  </Cmd>
  <Cmd case="SkabelonDesign.DocumentData:DefineData" variableName="PPMetadata">
    <Doc.Prop.DocumentID>
      <Doc.Prop.Date/>
      <s><![CDATA[ - Document ID:]]>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<![CDATA[Document ID.:]]></s>
    </Doc.Prop.DocumentID>
    <s/>
  </Cmd>
  <Cmd case="SkabelonDesign.DocumentData:DefineData" variableName="DocumentRevisionIdLabel">
    <Doc.Prop.DocumentID>
      <s><![CDATA[Rev.:]]>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powergrids;+powergridsuat">
    <True>
      <Cmd case="BaseExtensions:find-shape-bring-to-front" layout-1-name="Cover Slide - Brighter Picture A" shape-1-name-1="Strictly" shape-1-name-2="Internal" shape-1-name-3="Public" shape-1-name-4="Confidential" layout-2-name="Cover Slide - Brighter Picture B" shape-2-name-1="Strictly" shape-2-name-2="Internal" shape-2-name-3="Public" shape-2-name-4="Confidential" layout-3-name="Cover Slide - Darker Picture A" shape-3-name-1="Strictly" shape-3-name-2="Internal" shape-3-name-3="Public" shape-3-name-4="Confidential" layout-4-name="Cover Slide - Darker Picture B" shape-4-name-1="Strictly" shape-4-name-2="Internal" shape-4-name-3="Public" shape-4-name-4="Confidential"/>
    </True>
  </Cmd>
</Update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7B641B7-56D9-489B-9F68-19CCACF6EA12}">
  <ds:schemaRefs/>
</ds:datastoreItem>
</file>

<file path=customXml/itemProps10.xml><?xml version="1.0" encoding="utf-8"?>
<ds:datastoreItem xmlns:ds="http://schemas.openxmlformats.org/officeDocument/2006/customXml" ds:itemID="{2DF0A2DB-B0CA-4C7D-A727-A46D15A32269}">
  <ds:schemaRefs/>
</ds:datastoreItem>
</file>

<file path=customXml/itemProps11.xml><?xml version="1.0" encoding="utf-8"?>
<ds:datastoreItem xmlns:ds="http://schemas.openxmlformats.org/officeDocument/2006/customXml" ds:itemID="{E85D21D0-649C-4902-92E8-7DBD20710B0B}">
  <ds:schemaRefs/>
</ds:datastoreItem>
</file>

<file path=customXml/itemProps12.xml><?xml version="1.0" encoding="utf-8"?>
<ds:datastoreItem xmlns:ds="http://schemas.openxmlformats.org/officeDocument/2006/customXml" ds:itemID="{41907EE0-2EDE-4FDF-8045-F301627697EB}">
  <ds:schemaRefs/>
</ds:datastoreItem>
</file>

<file path=customXml/itemProps13.xml><?xml version="1.0" encoding="utf-8"?>
<ds:datastoreItem xmlns:ds="http://schemas.openxmlformats.org/officeDocument/2006/customXml" ds:itemID="{E44DC7AB-FC80-42F1-95E0-825617D40EF4}">
  <ds:schemaRefs/>
</ds:datastoreItem>
</file>

<file path=customXml/itemProps14.xml><?xml version="1.0" encoding="utf-8"?>
<ds:datastoreItem xmlns:ds="http://schemas.openxmlformats.org/officeDocument/2006/customXml" ds:itemID="{29401FE6-D941-4619-BA48-DF3F76252CF4}">
  <ds:schemaRefs/>
</ds:datastoreItem>
</file>

<file path=customXml/itemProps15.xml><?xml version="1.0" encoding="utf-8"?>
<ds:datastoreItem xmlns:ds="http://schemas.openxmlformats.org/officeDocument/2006/customXml" ds:itemID="{C65E81CD-1A58-4AF5-A430-DF2C0F3BF5B2}">
  <ds:schemaRefs/>
</ds:datastoreItem>
</file>

<file path=customXml/itemProps16.xml><?xml version="1.0" encoding="utf-8"?>
<ds:datastoreItem xmlns:ds="http://schemas.openxmlformats.org/officeDocument/2006/customXml" ds:itemID="{11EA1B60-1646-46E3-8226-E9D4015A7FAA}">
  <ds:schemaRefs/>
</ds:datastoreItem>
</file>

<file path=customXml/itemProps17.xml><?xml version="1.0" encoding="utf-8"?>
<ds:datastoreItem xmlns:ds="http://schemas.openxmlformats.org/officeDocument/2006/customXml" ds:itemID="{3AE492D7-2BB9-45B3-A63E-63EC0EFFF5F6}">
  <ds:schemaRefs/>
</ds:datastoreItem>
</file>

<file path=customXml/itemProps18.xml><?xml version="1.0" encoding="utf-8"?>
<ds:datastoreItem xmlns:ds="http://schemas.openxmlformats.org/officeDocument/2006/customXml" ds:itemID="{8536F574-F029-4BFD-9496-7A651631337E}">
  <ds:schemaRefs/>
</ds:datastoreItem>
</file>

<file path=customXml/itemProps19.xml><?xml version="1.0" encoding="utf-8"?>
<ds:datastoreItem xmlns:ds="http://schemas.openxmlformats.org/officeDocument/2006/customXml" ds:itemID="{03EEC173-4AB1-4B57-9A7A-D6D4C7F7D5F2}">
  <ds:schemaRefs/>
</ds:datastoreItem>
</file>

<file path=customXml/itemProps2.xml><?xml version="1.0" encoding="utf-8"?>
<ds:datastoreItem xmlns:ds="http://schemas.openxmlformats.org/officeDocument/2006/customXml" ds:itemID="{EE94398A-6978-4C9F-A3D0-E861EC773F05}">
  <ds:schemaRefs/>
</ds:datastoreItem>
</file>

<file path=customXml/itemProps20.xml><?xml version="1.0" encoding="utf-8"?>
<ds:datastoreItem xmlns:ds="http://schemas.openxmlformats.org/officeDocument/2006/customXml" ds:itemID="{75FB7F8D-CD53-4221-8136-B91DF10628E3}">
  <ds:schemaRefs/>
</ds:datastoreItem>
</file>

<file path=customXml/itemProps21.xml><?xml version="1.0" encoding="utf-8"?>
<ds:datastoreItem xmlns:ds="http://schemas.openxmlformats.org/officeDocument/2006/customXml" ds:itemID="{222BB4DD-B6D3-4364-820F-C60230DF6A06}">
  <ds:schemaRefs/>
</ds:datastoreItem>
</file>

<file path=customXml/itemProps22.xml><?xml version="1.0" encoding="utf-8"?>
<ds:datastoreItem xmlns:ds="http://schemas.openxmlformats.org/officeDocument/2006/customXml" ds:itemID="{2E6CC8EF-975A-4003-8CCC-1272FBEA25E7}">
  <ds:schemaRefs/>
</ds:datastoreItem>
</file>

<file path=customXml/itemProps23.xml><?xml version="1.0" encoding="utf-8"?>
<ds:datastoreItem xmlns:ds="http://schemas.openxmlformats.org/officeDocument/2006/customXml" ds:itemID="{D0F66938-6C00-4038-8285-C3E2BDC5D2AA}">
  <ds:schemaRefs/>
</ds:datastoreItem>
</file>

<file path=customXml/itemProps3.xml><?xml version="1.0" encoding="utf-8"?>
<ds:datastoreItem xmlns:ds="http://schemas.openxmlformats.org/officeDocument/2006/customXml" ds:itemID="{D1EF1EF6-FA49-4337-A46C-C565ED4628E7}">
  <ds:schemaRefs/>
</ds:datastoreItem>
</file>

<file path=customXml/itemProps4.xml><?xml version="1.0" encoding="utf-8"?>
<ds:datastoreItem xmlns:ds="http://schemas.openxmlformats.org/officeDocument/2006/customXml" ds:itemID="{037B6382-BDD8-4E60-9383-70491FEFA1D7}">
  <ds:schemaRefs/>
</ds:datastoreItem>
</file>

<file path=customXml/itemProps5.xml><?xml version="1.0" encoding="utf-8"?>
<ds:datastoreItem xmlns:ds="http://schemas.openxmlformats.org/officeDocument/2006/customXml" ds:itemID="{57B61DB8-D754-426D-AC06-597355EE288F}">
  <ds:schemaRefs/>
</ds:datastoreItem>
</file>

<file path=customXml/itemProps6.xml><?xml version="1.0" encoding="utf-8"?>
<ds:datastoreItem xmlns:ds="http://schemas.openxmlformats.org/officeDocument/2006/customXml" ds:itemID="{822960DE-F338-4319-A5FC-0274E4782053}">
  <ds:schemaRefs/>
</ds:datastoreItem>
</file>

<file path=customXml/itemProps7.xml><?xml version="1.0" encoding="utf-8"?>
<ds:datastoreItem xmlns:ds="http://schemas.openxmlformats.org/officeDocument/2006/customXml" ds:itemID="{807DF054-C923-4B56-9F4E-B9B698324E91}">
  <ds:schemaRefs/>
</ds:datastoreItem>
</file>

<file path=customXml/itemProps8.xml><?xml version="1.0" encoding="utf-8"?>
<ds:datastoreItem xmlns:ds="http://schemas.openxmlformats.org/officeDocument/2006/customXml" ds:itemID="{E359EECB-3221-49DD-8EE1-DE28F5299FDE}">
  <ds:schemaRefs/>
</ds:datastoreItem>
</file>

<file path=customXml/itemProps9.xml><?xml version="1.0" encoding="utf-8"?>
<ds:datastoreItem xmlns:ds="http://schemas.openxmlformats.org/officeDocument/2006/customXml" ds:itemID="{0853ED89-068D-412A-A882-3E2129D73ED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V Master Template_20200514</Template>
  <TotalTime>206</TotalTime>
  <Words>204</Words>
  <Application>Microsoft Office PowerPoint</Application>
  <PresentationFormat>Bredbild</PresentationFormat>
  <Paragraphs>67</Paragraphs>
  <Slides>10</Slides>
  <Notes>0</Notes>
  <HiddenSlides>0</HiddenSlides>
  <MMClips>0</MMClips>
  <ScaleCrop>false</ScaleCrop>
  <HeadingPairs>
    <vt:vector size="6" baseType="variant">
      <vt:variant>
        <vt:lpstr>Använt teckensnitt</vt:lpstr>
      </vt:variant>
      <vt:variant>
        <vt:i4>4</vt:i4>
      </vt:variant>
      <vt:variant>
        <vt:lpstr>Tema</vt:lpstr>
      </vt:variant>
      <vt:variant>
        <vt:i4>1</vt:i4>
      </vt:variant>
      <vt:variant>
        <vt:lpstr>Bildrubriker</vt:lpstr>
      </vt:variant>
      <vt:variant>
        <vt:i4>10</vt:i4>
      </vt:variant>
    </vt:vector>
  </HeadingPairs>
  <TitlesOfParts>
    <vt:vector size="15" baseType="lpstr">
      <vt:lpstr>72 Condensed</vt:lpstr>
      <vt:lpstr>Arial</vt:lpstr>
      <vt:lpstr>Roboto Slab</vt:lpstr>
      <vt:lpstr>Wingdings</vt:lpstr>
      <vt:lpstr>Hitachi Energy</vt:lpstr>
      <vt:lpstr>PowerPoint-presentation</vt:lpstr>
      <vt:lpstr>PowerPoint-presentation</vt:lpstr>
      <vt:lpstr>PowerPoint-presentation</vt:lpstr>
      <vt:lpstr>PowerPoint-presentation</vt:lpstr>
      <vt:lpstr>PowerPoint-presentation</vt:lpstr>
      <vt:lpstr>PowerPoint-presentation</vt:lpstr>
      <vt:lpstr>PowerPoint-presentation</vt:lpstr>
      <vt:lpstr>PowerPoint-presentation</vt:lpstr>
      <vt:lpstr>PowerPoint-presentation</vt:lpstr>
      <vt:lpstr>PowerPoint-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Fredrik Nordin</dc:creator>
  <cp:lastModifiedBy>Fredrik Nordin</cp:lastModifiedBy>
  <cp:revision>3</cp:revision>
  <dcterms:created xsi:type="dcterms:W3CDTF">2025-10-08T10:32:49Z</dcterms:created>
  <dcterms:modified xsi:type="dcterms:W3CDTF">2026-04-07T18:30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5-05-15T11:16:50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ea8eae0a-dfaa-4c8f-a7d7-b476c7e96b3f</vt:lpwstr>
  </property>
  <property fmtid="{D5CDD505-2E9C-101B-9397-08002B2CF9AE}" pid="8" name="MSIP_Label_459ef8e5-3aaa-41a0-b30c-a77b6f506147_ContentBits">
    <vt:lpwstr>0</vt:lpwstr>
  </property>
  <property fmtid="{D5CDD505-2E9C-101B-9397-08002B2CF9AE}" pid="9" name="MSIP_Label_459ef8e5-3aaa-41a0-b30c-a77b6f506147_Tag">
    <vt:lpwstr>10, 3, 0, 1</vt:lpwstr>
  </property>
  <property fmtid="{D5CDD505-2E9C-101B-9397-08002B2CF9AE}" pid="10" name="TemplafyTimeStamp">
    <vt:lpwstr>2025-05-15T11:19:43</vt:lpwstr>
  </property>
  <property fmtid="{D5CDD505-2E9C-101B-9397-08002B2CF9AE}" pid="11" name="TemplafyTenantId">
    <vt:lpwstr>hitachienergy</vt:lpwstr>
  </property>
  <property fmtid="{D5CDD505-2E9C-101B-9397-08002B2CF9AE}" pid="12" name="TemplafyTemplateId">
    <vt:lpwstr>1184112030367088940</vt:lpwstr>
  </property>
  <property fmtid="{D5CDD505-2E9C-101B-9397-08002B2CF9AE}" pid="13" name="TemplafyUserProfileId">
    <vt:lpwstr>804013464164499457</vt:lpwstr>
  </property>
  <property fmtid="{D5CDD505-2E9C-101B-9397-08002B2CF9AE}" pid="14" name="TemplafyLanguageCode">
    <vt:lpwstr>en-US</vt:lpwstr>
  </property>
  <property fmtid="{D5CDD505-2E9C-101B-9397-08002B2CF9AE}" pid="15" name="TemplafyFromBlank">
    <vt:bool>true</vt:bool>
  </property>
</Properties>
</file>